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18"/>
  </p:sldMasterIdLst>
  <p:notesMasterIdLst>
    <p:notesMasterId r:id="rId53"/>
  </p:notesMasterIdLst>
  <p:handoutMasterIdLst>
    <p:handoutMasterId r:id="rId54"/>
  </p:handoutMasterIdLst>
  <p:sldIdLst>
    <p:sldId id="261" r:id="rId19"/>
    <p:sldId id="269" r:id="rId20"/>
    <p:sldId id="268" r:id="rId21"/>
    <p:sldId id="280" r:id="rId22"/>
    <p:sldId id="281" r:id="rId23"/>
    <p:sldId id="278" r:id="rId24"/>
    <p:sldId id="271" r:id="rId25"/>
    <p:sldId id="266" r:id="rId26"/>
    <p:sldId id="273" r:id="rId27"/>
    <p:sldId id="274" r:id="rId28"/>
    <p:sldId id="275" r:id="rId29"/>
    <p:sldId id="277" r:id="rId30"/>
    <p:sldId id="282" r:id="rId31"/>
    <p:sldId id="283" r:id="rId32"/>
    <p:sldId id="284" r:id="rId33"/>
    <p:sldId id="285" r:id="rId34"/>
    <p:sldId id="286" r:id="rId35"/>
    <p:sldId id="291" r:id="rId36"/>
    <p:sldId id="292" r:id="rId37"/>
    <p:sldId id="287" r:id="rId38"/>
    <p:sldId id="288" r:id="rId39"/>
    <p:sldId id="289" r:id="rId40"/>
    <p:sldId id="290" r:id="rId41"/>
    <p:sldId id="293" r:id="rId42"/>
    <p:sldId id="294" r:id="rId43"/>
    <p:sldId id="295" r:id="rId44"/>
    <p:sldId id="296" r:id="rId45"/>
    <p:sldId id="297" r:id="rId46"/>
    <p:sldId id="298" r:id="rId47"/>
    <p:sldId id="299" r:id="rId48"/>
    <p:sldId id="300" r:id="rId49"/>
    <p:sldId id="301" r:id="rId50"/>
    <p:sldId id="263" r:id="rId51"/>
    <p:sldId id="265" r:id="rId52"/>
  </p:sldIdLst>
  <p:sldSz cx="12192000" cy="6858000"/>
  <p:notesSz cx="6858000" cy="9144000"/>
  <p:embeddedFontLst>
    <p:embeddedFont>
      <p:font typeface="ABBvoice" panose="020D0603020503020204" pitchFamily="34" charset="0"/>
      <p:regular r:id="rId55"/>
      <p:bold r:id="rId56"/>
    </p:embeddedFont>
    <p:embeddedFont>
      <p:font typeface="ABBvoice Display SemiBold" panose="020D0704020603060204" pitchFamily="34" charset="0"/>
      <p:bold r:id="rId57"/>
    </p:embeddedFont>
    <p:embeddedFont>
      <p:font typeface="ABBvoice Light" panose="020D0403020503020204" pitchFamily="34" charset="0"/>
      <p:regular r:id="rId58"/>
    </p:embeddedFont>
    <p:embeddedFont>
      <p:font typeface="Consolas" panose="020B0609020204030204" pitchFamily="49" charset="0"/>
      <p:regular r:id="rId59"/>
      <p:bold r:id="rId60"/>
      <p:italic r:id="rId61"/>
      <p:boldItalic r:id="rId62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9F9FA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7" autoAdjust="0"/>
    <p:restoredTop sz="77201" autoAdjust="0"/>
  </p:normalViewPr>
  <p:slideViewPr>
    <p:cSldViewPr snapToGrid="0" snapToObjects="1" showGuides="1">
      <p:cViewPr varScale="1">
        <p:scale>
          <a:sx n="73" d="100"/>
          <a:sy n="73" d="100"/>
        </p:scale>
        <p:origin x="178" y="72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8.xml"/><Relationship Id="rId21" Type="http://schemas.openxmlformats.org/officeDocument/2006/relationships/slide" Target="slides/slide3.xml"/><Relationship Id="rId34" Type="http://schemas.openxmlformats.org/officeDocument/2006/relationships/slide" Target="slides/slide16.xml"/><Relationship Id="rId42" Type="http://schemas.openxmlformats.org/officeDocument/2006/relationships/slide" Target="slides/slide24.xml"/><Relationship Id="rId47" Type="http://schemas.openxmlformats.org/officeDocument/2006/relationships/slide" Target="slides/slide29.xml"/><Relationship Id="rId50" Type="http://schemas.openxmlformats.org/officeDocument/2006/relationships/slide" Target="slides/slide32.xml"/><Relationship Id="rId55" Type="http://schemas.openxmlformats.org/officeDocument/2006/relationships/font" Target="fonts/font1.fntdata"/><Relationship Id="rId63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1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32" Type="http://schemas.openxmlformats.org/officeDocument/2006/relationships/slide" Target="slides/slide14.xml"/><Relationship Id="rId37" Type="http://schemas.openxmlformats.org/officeDocument/2006/relationships/slide" Target="slides/slide19.xml"/><Relationship Id="rId40" Type="http://schemas.openxmlformats.org/officeDocument/2006/relationships/slide" Target="slides/slide22.xml"/><Relationship Id="rId45" Type="http://schemas.openxmlformats.org/officeDocument/2006/relationships/slide" Target="slides/slide27.xml"/><Relationship Id="rId53" Type="http://schemas.openxmlformats.org/officeDocument/2006/relationships/notesMaster" Target="notesMasters/notesMaster1.xml"/><Relationship Id="rId58" Type="http://schemas.openxmlformats.org/officeDocument/2006/relationships/font" Target="fonts/font4.fntdata"/><Relationship Id="rId66" Type="http://schemas.openxmlformats.org/officeDocument/2006/relationships/theme" Target="theme/theme1.xml"/><Relationship Id="rId5" Type="http://schemas.openxmlformats.org/officeDocument/2006/relationships/customXml" Target="../customXml/item5.xml"/><Relationship Id="rId61" Type="http://schemas.openxmlformats.org/officeDocument/2006/relationships/font" Target="fonts/font7.fntdata"/><Relationship Id="rId19" Type="http://schemas.openxmlformats.org/officeDocument/2006/relationships/slide" Target="slides/slide1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slide" Target="slides/slide9.xml"/><Relationship Id="rId30" Type="http://schemas.openxmlformats.org/officeDocument/2006/relationships/slide" Target="slides/slide12.xml"/><Relationship Id="rId35" Type="http://schemas.openxmlformats.org/officeDocument/2006/relationships/slide" Target="slides/slide17.xml"/><Relationship Id="rId43" Type="http://schemas.openxmlformats.org/officeDocument/2006/relationships/slide" Target="slides/slide25.xml"/><Relationship Id="rId48" Type="http://schemas.openxmlformats.org/officeDocument/2006/relationships/slide" Target="slides/slide30.xml"/><Relationship Id="rId56" Type="http://schemas.openxmlformats.org/officeDocument/2006/relationships/font" Target="fonts/font2.fntdata"/><Relationship Id="rId64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33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7.xml"/><Relationship Id="rId33" Type="http://schemas.openxmlformats.org/officeDocument/2006/relationships/slide" Target="slides/slide15.xml"/><Relationship Id="rId38" Type="http://schemas.openxmlformats.org/officeDocument/2006/relationships/slide" Target="slides/slide20.xml"/><Relationship Id="rId46" Type="http://schemas.openxmlformats.org/officeDocument/2006/relationships/slide" Target="slides/slide28.xml"/><Relationship Id="rId59" Type="http://schemas.openxmlformats.org/officeDocument/2006/relationships/font" Target="fonts/font5.fntdata"/><Relationship Id="rId67" Type="http://schemas.openxmlformats.org/officeDocument/2006/relationships/tableStyles" Target="tableStyles.xml"/><Relationship Id="rId20" Type="http://schemas.openxmlformats.org/officeDocument/2006/relationships/slide" Target="slides/slide2.xml"/><Relationship Id="rId41" Type="http://schemas.openxmlformats.org/officeDocument/2006/relationships/slide" Target="slides/slide23.xml"/><Relationship Id="rId54" Type="http://schemas.openxmlformats.org/officeDocument/2006/relationships/handoutMaster" Target="handoutMasters/handoutMaster1.xml"/><Relationship Id="rId62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slide" Target="slides/slide10.xml"/><Relationship Id="rId36" Type="http://schemas.openxmlformats.org/officeDocument/2006/relationships/slide" Target="slides/slide18.xml"/><Relationship Id="rId49" Type="http://schemas.openxmlformats.org/officeDocument/2006/relationships/slide" Target="slides/slide31.xml"/><Relationship Id="rId57" Type="http://schemas.openxmlformats.org/officeDocument/2006/relationships/font" Target="fonts/font3.fntdata"/><Relationship Id="rId10" Type="http://schemas.openxmlformats.org/officeDocument/2006/relationships/customXml" Target="../customXml/item10.xml"/><Relationship Id="rId31" Type="http://schemas.openxmlformats.org/officeDocument/2006/relationships/slide" Target="slides/slide13.xml"/><Relationship Id="rId44" Type="http://schemas.openxmlformats.org/officeDocument/2006/relationships/slide" Target="slides/slide26.xml"/><Relationship Id="rId52" Type="http://schemas.openxmlformats.org/officeDocument/2006/relationships/slide" Target="slides/slide34.xml"/><Relationship Id="rId60" Type="http://schemas.openxmlformats.org/officeDocument/2006/relationships/font" Target="fonts/font6.fntdata"/><Relationship Id="rId65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39" Type="http://schemas.openxmlformats.org/officeDocument/2006/relationships/slide" Target="slides/slide2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5/13/2025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5/13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hile UL 489, Supplement SE does not mandate TDD, it encourages practices such as </a:t>
            </a:r>
            <a:r>
              <a:rPr lang="en-US" b="1" dirty="0"/>
              <a:t>software verification</a:t>
            </a:r>
            <a:r>
              <a:rPr lang="en-US" dirty="0"/>
              <a:t> and </a:t>
            </a:r>
            <a:r>
              <a:rPr lang="en-US" b="1" dirty="0"/>
              <a:t>automated testing</a:t>
            </a:r>
            <a:r>
              <a:rPr lang="en-US" dirty="0"/>
              <a:t> that align perfectly with TDD principles, ensuring that </a:t>
            </a:r>
            <a:r>
              <a:rPr lang="en-US" b="1" dirty="0"/>
              <a:t>electronic trip units</a:t>
            </a:r>
            <a:r>
              <a:rPr lang="en-US" dirty="0"/>
              <a:t> perform safely and reliably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927533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4038153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3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992897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7" Type="http://schemas.openxmlformats.org/officeDocument/2006/relationships/image" Target="../media/image8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7" Type="http://schemas.openxmlformats.org/officeDocument/2006/relationships/image" Target="../media/image4.emf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svg"/><Relationship Id="rId5" Type="http://schemas.openxmlformats.org/officeDocument/2006/relationships/image" Target="../media/image10.png"/><Relationship Id="rId4" Type="http://schemas.openxmlformats.org/officeDocument/2006/relationships/image" Target="../media/image6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3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5.sv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emf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6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7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image" Target="../media/image18.png"/><Relationship Id="rId7" Type="http://schemas.openxmlformats.org/officeDocument/2006/relationships/image" Target="../media/image22.png"/><Relationship Id="rId12" Type="http://schemas.openxmlformats.org/officeDocument/2006/relationships/image" Target="../media/image27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1.png"/><Relationship Id="rId11" Type="http://schemas.openxmlformats.org/officeDocument/2006/relationships/image" Target="../media/image26.png"/><Relationship Id="rId5" Type="http://schemas.openxmlformats.org/officeDocument/2006/relationships/image" Target="../media/image20.png"/><Relationship Id="rId10" Type="http://schemas.openxmlformats.org/officeDocument/2006/relationships/image" Target="../media/image25.png"/><Relationship Id="rId4" Type="http://schemas.openxmlformats.org/officeDocument/2006/relationships/image" Target="../media/image19.png"/><Relationship Id="rId9" Type="http://schemas.openxmlformats.org/officeDocument/2006/relationships/image" Target="../media/image24.png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3B25342-E713-0247-2E3D-6C43E595B6A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4261104"/>
            <a:ext cx="12192000" cy="2596896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US" sz="800" noProof="0">
                <a:solidFill>
                  <a:schemeClr val="bg1"/>
                </a:solidFill>
              </a:rPr>
              <a:t>Rev.: A</a:t>
            </a:r>
            <a:endParaRPr lang="en-US" sz="800" noProof="0" dirty="0">
              <a:solidFill>
                <a:schemeClr val="bg1"/>
              </a:solidFill>
            </a:endParaRPr>
          </a:p>
        </p:txBody>
      </p:sp>
      <p:pic>
        <p:nvPicPr>
          <p:cNvPr id="1532058724" name="Classification" descr="{&quot;templafy&quot;:{&quot;id&quot;:&quot;be2000d3-1458-422a-960a-efa8cd6a4a7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7" name="Logo">
            <a:extLst>
              <a:ext uri="{FF2B5EF4-FFF2-40B4-BE49-F238E27FC236}">
                <a16:creationId xmlns:a16="http://schemas.microsoft.com/office/drawing/2014/main" id="{5212E275-7406-B8D1-A3C9-6100BA58165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9" name="Tag line">
            <a:extLst>
              <a:ext uri="{FF2B5EF4-FFF2-40B4-BE49-F238E27FC236}">
                <a16:creationId xmlns:a16="http://schemas.microsoft.com/office/drawing/2014/main" id="{957191C3-087F-C04A-0DEB-B043188A2D13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20" name="Title 1">
            <a:extLst>
              <a:ext uri="{FF2B5EF4-FFF2-40B4-BE49-F238E27FC236}">
                <a16:creationId xmlns:a16="http://schemas.microsoft.com/office/drawing/2014/main" id="{1D4B8532-33AB-815E-60F0-4048F3950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49734"/>
          </a:xfrm>
        </p:spPr>
        <p:txBody>
          <a:bodyPr anchor="t"/>
          <a:lstStyle>
            <a:lvl1pPr>
              <a:defRPr sz="44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4A9EAF23-A18E-5305-C224-E60978BAA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2" name="Text Placeholder 3">
            <a:extLst>
              <a:ext uri="{FF2B5EF4-FFF2-40B4-BE49-F238E27FC236}">
                <a16:creationId xmlns:a16="http://schemas.microsoft.com/office/drawing/2014/main" id="{FF1B3666-7D82-4C1B-225F-70F5B52B18C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B0FE8A97-11DB-C7EF-2E09-C6F5E1633F3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F1C8B5C-2BF4-6B72-623D-D14711843D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D5F78710-5E2C-BCFC-D2F1-6DF70214B6D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565850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BF9B62AB-E854-71C6-C5A9-A27533FD8D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BF06A84B-7C22-8EF6-F38C-3C8D01CE323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185327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B3A0906-D146-BDC5-89B6-88508FC8D3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4E86F98-FCAD-1DE9-7F95-EC4306D059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9813996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9B4A4D-1354-8C4B-6BBC-1A0D0A6042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996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37DDAB-FDB1-0870-8E88-BD41926CE6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7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993670-14A9-0A35-D2EB-D8230A73A15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D993D9-3FD1-276A-24E9-827A98823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2B506773-0860-DE49-4BCC-8C4BB064721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9AA1B98B-00B9-1C2F-0ACD-646A350F868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5E5A046C-2F74-6EED-D763-FB4F9E3C1E6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029E88C-D487-6109-BE97-8E404D9E47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543002A-12FE-3269-8E83-DD69A9972C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656888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53D5360-8363-8ED8-05E8-12473FE7A3C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pic>
        <p:nvPicPr>
          <p:cNvPr id="7" name="Logo">
            <a:extLst>
              <a:ext uri="{FF2B5EF4-FFF2-40B4-BE49-F238E27FC236}">
                <a16:creationId xmlns:a16="http://schemas.microsoft.com/office/drawing/2014/main" id="{0027E721-31E7-996C-F978-886B4B709D6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8" name="Tag line">
            <a:extLst>
              <a:ext uri="{FF2B5EF4-FFF2-40B4-BE49-F238E27FC236}">
                <a16:creationId xmlns:a16="http://schemas.microsoft.com/office/drawing/2014/main" id="{21F201A0-96B6-099C-6016-FCAFD5EED39C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US" sz="800" noProof="0">
                <a:solidFill>
                  <a:schemeClr val="tx1"/>
                </a:solidFill>
              </a:rPr>
              <a:t>Rev.: A</a:t>
            </a:r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950060429" name="Classification" descr="{&quot;templafy&quot;:{&quot;id&quot;:&quot;9f4e6de5-2ba2-426b-a754-b5d7bb1d4d1f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BE9196FA-4AF2-902A-F9E6-9A8F8415A8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50000"/>
          </a:xfrm>
        </p:spPr>
        <p:txBody>
          <a:bodyPr anchor="t"/>
          <a:lstStyle>
            <a:lvl1pPr>
              <a:defRPr sz="44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F231D8D-58FA-38D6-FE7A-AC0DB206A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1C46D0ED-54C5-7C53-5626-D26488E61F1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754120-D971-3AE6-6184-628DB4A4CC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7540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BA6DF-295B-14B9-E598-D783D2FDD9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76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EB5EAF-AC8A-3E99-A635-DD95C6E7503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DCAB48-A3C0-27C0-2979-71DFA66ED3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DAAEA1C8-F527-5F56-6EA0-FE61BD8161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50750D05-724E-4685-1127-ED2D71D3660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6777FA2A-A376-8418-9C6E-5B73CDF0468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D90514E6-1C08-3FA0-001E-15C4C5E61C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A62750D-C328-22C2-EE8C-68F88FCF83A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20075507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7E737-3D4F-5001-BE47-2E5EE1893A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948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FBBFBE-6C8C-3F82-2098-7B9EB184A6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68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EAE9F0A-BE3C-4FC1-7380-C833A79368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058BC2-8858-4D7B-4055-E3D5179F32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49C02E9-0CB5-9793-D210-245428FE3CD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BA71D45E-2E45-D97E-27A8-AB1B39830D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BB70E94D-1F79-0E6A-FB1A-B1CEBC50C943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4EDC01B-D6CD-CDE1-0DFF-5223EED957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9A36F85-2F69-5B91-5518-1F0F9885380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BE9534-FB13-A9AE-FE58-9C4A964A65F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188091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2C398B-D021-7FA7-9C63-8A20EEFB2B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1165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8D6622-0569-1373-8513-A84EE6BD9A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0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890ED-22EA-F340-5D69-C4482F8F5A7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39646E-C2FB-1D0B-85AB-E420ACDD55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A2FAFDC-E066-B77E-12C1-F5C9CB38605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DD8565C4-8F2E-0139-9897-109BEE274160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705BDDFA-0DC1-F1AB-FDCC-0D5F3506297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F491B36-CB8B-04C1-6BE0-F0784E027C8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8EC902F4-236E-9EB9-D886-80FFA518400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9533D15F-82ED-36DB-9A8B-4919A07A7BF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6C5DBD-3D8A-1946-1744-DC8042EC861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836815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US" sz="800" noProof="0">
                <a:solidFill>
                  <a:schemeClr val="tx1"/>
                </a:solidFill>
              </a:rPr>
              <a:t>Rev.: A</a:t>
            </a:r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431302042" name="Classification" descr="{&quot;templafy&quot;:{&quot;id&quot;:&quot;6cab781e-5b21-4ed1-a58d-8ce66f714c5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 (dark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US" sz="800" noProof="0">
                <a:solidFill>
                  <a:srgbClr val="FFFFFF"/>
                </a:solidFill>
              </a:rPr>
              <a:t>Rev.: A</a:t>
            </a:r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1096804619" name="Classification" descr="{&quot;templafy&quot;:{&quot;id&quot;:&quot;7d8bc9b5-6024-4eb1-8862-56882ed1a1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F2BFD6D9-7CC9-04DE-B96D-15D2BDDBCA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0146E08-A8C9-A8CF-28EC-AA03887F0FC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5B166A2-5329-1315-4496-5FE31CD1E69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BD510BD-93B4-BDDF-0E84-0627027FE18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BFAC61-1279-7B60-CECC-86A719FA5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ECBC9-7903-0325-4714-B64BC595A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448B956-DC0E-0B78-5410-11E0E2F220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618CCB-2103-080F-B675-E4C472681C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F52BB6-D70A-2B2C-B861-43846E0384C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22007A1-F280-15BD-766A-2A8B68C6C1A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CB15DC7C-95AF-DF77-404F-4AAA9568B80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4679F60-C64F-3014-8490-313B90245B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00E1C5C4-2E56-4FDF-430C-4D4CD25E1AC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996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93467-31B0-B26B-0A69-CEE1BBF92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C68DB0D-B0C8-A70B-9EA0-CF87F7D006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DF54DE3-2E20-4DE8-B5E1-349CFC50CC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C146C5-EFC9-3F84-BAA9-A0D23F6E67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992CDA1E-EA55-E4C2-CB79-AD61C1E3602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F169E811-1A99-80DE-40CA-0E49ABE034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16F5BAA-6C08-E976-9914-2635E3C044BF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AA22A5E-5748-150B-DB95-169F64379E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35323466-C553-6238-DD1B-476EDA1F5D7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22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AC835-87D6-25C6-1C0C-B16378EA1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0FB9F6-057D-DEAE-3326-D871FC4C73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13111F-1867-8F94-C54C-C14750D902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82FC2B-518F-F076-7481-C19EFDFB1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7C1678-5BCA-4DC1-8A51-3AEFECC5B0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7A71E51-260F-C225-0141-1C78748CA3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5B4FFFA6-62DB-C634-46E8-2BBE78F1FE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9B2024F1-6D5D-1D1C-1DDB-77BCBA748A23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10259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39901-3878-567C-6F7B-62F568F5E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465E89-325E-25CE-C35D-AD7B0E2BA75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7C8C55-BF0B-AB3A-01C9-D37FA0AC0D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C8C4A6-E706-08CD-E591-31C776881C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C3656E4-F3AA-6EE7-E3C0-CE78B0D5C66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9E0BF222-DE36-6B8E-3ADD-DE5450E802B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6090B701-78C3-C044-E7EC-1B49E3C301E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69BCFFDA-C3AF-2E7B-90ED-9900D4167C3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53B80110-9520-18FD-D36C-C9B976C745B5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8840A287-AA7C-1164-424E-57005EFA7C0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35AC138-46EC-3DA3-0F28-7B8889071F0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581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17E946-8B12-F6C2-90DD-0AEB05863D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3F8FD4-F79F-BBCE-CDA8-C0C6B8FBE1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06FA28-409D-CEEB-7D91-FE5023B00E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D96B3-34E7-65FF-456D-F32ACD9B16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851678F-D8EB-2069-FF1C-22C7776FEE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18DF5F0-616C-E1B2-F94F-A3892597809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E7CDFFF-4EB0-0A69-7997-7829DEA74BA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D38B606-5A94-1DF8-F564-D4E7BF675A2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92CFE117-420C-7B9E-ED0C-7CB8F24829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C2C40EB7-4527-3CFA-2B47-3BD797257D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1BA7AFC-A49F-988B-82B3-3E768ED02F6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1725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7B29AAA6-A1F6-490A-1EFC-6B447EB1762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32CCBB1-04BD-FE31-F06D-102B92D55F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86D38F8-004F-7DCE-C310-B4E7FCA060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AE2F316-0016-9697-4E87-5EDF2C8F03B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4BA63496-C2A8-94B3-DF70-7124A3FF500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2" name="Tag line">
            <a:extLst>
              <a:ext uri="{FF2B5EF4-FFF2-40B4-BE49-F238E27FC236}">
                <a16:creationId xmlns:a16="http://schemas.microsoft.com/office/drawing/2014/main" id="{F7F21CC0-8031-7C43-8705-86240000D027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US" sz="800" noProof="0">
                <a:solidFill>
                  <a:schemeClr val="tx1"/>
                </a:solidFill>
              </a:rPr>
              <a:t>Rev.: A</a:t>
            </a:r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124881534" name="Classification" descr="{&quot;templafy&quot;:{&quot;id&quot;:&quot;c3c633cb-0faa-4ee7-a833-962c3f4518a6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F291C9-4F13-1C53-0D29-8B4F95EDF8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0F5A4D-86A4-3B8B-569A-BCFEABBBD5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4DC91-C253-039A-84E0-3DF9179026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4ECE1D-AD44-4D18-1B8E-9B3643EE0A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61CBEA37-4E6C-886E-5284-5170A3A140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81BE5845-D81D-D5A2-A0EC-9224C116F9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6E0DDC-217A-6FF3-673A-BC0CBA8574F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0E6E7E98-2D75-359B-6735-0541241142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685FBAA7-7315-D4AF-B4A4-84A3EA1B568A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2482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6CA75-11C8-11F4-38F3-2C08D8F37B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BCDB1A9-1F11-3834-3CC5-115B9C807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FD58C4-DCD9-0E66-56A1-CE6ED3EA64C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A99120-C446-1A6A-CBBD-494AB01039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5108448B-C67F-F2DF-30B4-B614122A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71C9BBEE-C553-7B7B-8BCE-CE52618EAF0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A2C65CF7-B7D3-2FC8-2500-FC061D5127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32003C22-01A2-AB04-5FD8-C5EC97EE35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5359350-17C7-BFC0-8597-500F5190AEE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5994943-1F91-799B-85DE-A327AF72E39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68FD9CCE-E850-F96A-DF0A-E3B3E6489BC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C433D109-B376-AD18-00A5-771EE1A4FE29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FAE2697-9921-CE23-3B66-375A974D4E68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1636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6B2EA-4B3F-F123-A5EA-87BE556C1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094FE1-D6F0-664C-1D81-7E6AE61562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4F52C3-F04E-0FA2-F081-B85C7B5FD6A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87B60B-6009-E3A0-F457-0952015A79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795F8BFE-B93A-7D96-5C59-3238335009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5AC289A9-61FF-919C-A713-D96BEEF20F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8703759B-37D5-9836-B8D4-7FAF1C471801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419DF3DA-499C-CD92-64F9-D0F143511B8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3DA574A4-7D8E-8CD5-863A-D1DD360E2A2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6D82625-D560-1802-3C1E-8DAFEA0ACC6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64D5035-9BCE-CFCE-AD2E-00B8AA8ACAA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21761756-C013-C4EE-F768-37ECCBD621F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5BFCC3D5-8804-66D5-4DB5-132AD07EBE7E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5104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9158D2-BF02-6D8B-2657-4F55E807A0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6BEC0D6-C6CD-BB72-C1C4-E1ADE6242C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7CBE13-14D5-CB74-CC1E-C80A25B02F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74D404-DD89-52F0-D4F0-7F32CBF141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C8615787-F3A0-0D1E-1BE7-5F204902FB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E5107EE-359F-C30C-11D7-75EB465A994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F7498406-CA9D-4715-8256-91CC499394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57DC084-6F55-89FB-825F-1C007616A4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A655AB4A-A301-3405-82C2-A760925DD14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50C040CA-2BE0-9525-9398-7E45552B40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6010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2FD292C-8ACD-4DDF-85DC-F78023C9F065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pic>
        <p:nvPicPr>
          <p:cNvPr id="2" name="LogoFooter">
            <a:extLst>
              <a:ext uri="{FF2B5EF4-FFF2-40B4-BE49-F238E27FC236}">
                <a16:creationId xmlns:a16="http://schemas.microsoft.com/office/drawing/2014/main" id="{B5B2B43B-F910-7839-8063-5DB9432AA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6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185D9D8-D11B-3B47-230F-74A7A19935AB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41A3BA16-6B6A-D206-D9D9-E6B17F9FD035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0" name="Date dynamic" hidden="1">
            <a:extLst>
              <a:ext uri="{FF2B5EF4-FFF2-40B4-BE49-F238E27FC236}">
                <a16:creationId xmlns:a16="http://schemas.microsoft.com/office/drawing/2014/main" id="{0B08ACCB-C2A9-AB0F-53B9-508FB5BB603A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May 8, 2023</a:t>
            </a: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EAA09D2E-D7D5-FBB9-4B87-CC6CD2E49D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60E2C2D2-B7EB-2053-0B06-8BC75B8E412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5F8B3F-EE2C-9020-E1E7-B0365650AB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2946400"/>
            <a:ext cx="8594771" cy="2246999"/>
          </a:xfrm>
        </p:spPr>
        <p:txBody>
          <a:bodyPr anchor="b"/>
          <a:lstStyle>
            <a:lvl1pPr>
              <a:defRPr sz="6000" b="0" cap="all" baseline="0">
                <a:latin typeface="ABBvoice Display SemiBold" panose="020D0704020603060204" pitchFamily="34" charset="0"/>
                <a:cs typeface="ABBvoice Display Beta SemiBold" panose="020D0704020603060204" pitchFamily="34" charset="0"/>
              </a:defRPr>
            </a:lvl1pPr>
          </a:lstStyle>
          <a:p>
            <a:r>
              <a:rPr lang="en-US" dirty="0"/>
              <a:t>Big caption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4273CE9-8AEE-AD06-CBD8-70F010A7D6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BC6633-994B-77A9-AC8E-3EB4747035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2888C2-6D99-9F06-53FC-4B7B33F4CF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20519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US" sz="800" noProof="0">
                <a:solidFill>
                  <a:schemeClr val="tx1"/>
                </a:solidFill>
              </a:rPr>
              <a:t>Rev.: A</a:t>
            </a:r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893142676" name="Classification" descr="{&quot;templafy&quot;:{&quot;id&quot;:&quot;f54a4e30-5bad-4d72-ad93-99e791720f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E830A1BB-93D2-83E6-5E0F-A2EB11913C1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510514A-B508-6FBD-95BC-27F50F5F7C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18287956-228E-9217-B1A8-22A42BB962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13D1C327-FC2E-1D32-7B54-A5257759E04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EB06A3-B60B-5E8B-65ED-9B854D9774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5" name="Tag line">
            <a:extLst>
              <a:ext uri="{FF2B5EF4-FFF2-40B4-BE49-F238E27FC236}">
                <a16:creationId xmlns:a16="http://schemas.microsoft.com/office/drawing/2014/main" id="{AA4179DF-8B56-C9BC-1094-3EFFC44DA825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 cap="all" baseline="0">
                <a:latin typeface="ABBvoice Display SemiBold" panose="020D0704020603060204" pitchFamily="34" charset="0"/>
                <a:ea typeface="ABBvoice Light" panose="020D0403020503020204" pitchFamily="34" charset="0"/>
                <a:cs typeface="ABBvoice Display Beta SemiBold" panose="020D070402060306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5AEB427-FB8B-FC30-58E4-396214CEB71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78DE0D1-FC76-CA62-6E66-A111968AA3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9" name="Text Placeholder 10">
            <a:extLst>
              <a:ext uri="{FF2B5EF4-FFF2-40B4-BE49-F238E27FC236}">
                <a16:creationId xmlns:a16="http://schemas.microsoft.com/office/drawing/2014/main" id="{EE832AA2-03A2-E191-75A1-F8C19050D47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3E5CE7EF-73C3-CAE2-B471-EE2DA64E7F4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Tag line">
            <a:extLst>
              <a:ext uri="{FF2B5EF4-FFF2-40B4-BE49-F238E27FC236}">
                <a16:creationId xmlns:a16="http://schemas.microsoft.com/office/drawing/2014/main" id="{6B3816BE-27EB-D6FA-366D-A467FA34B9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B04CEB8C-9FB2-7FEF-DEA7-50BB992EC21A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9ADE4CC-155D-8DBE-55E3-24F0D81916F0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694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May 1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747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slideLayout" Target="../slideLayouts/slideLayout66.xml"/><Relationship Id="rId74" Type="http://schemas.openxmlformats.org/officeDocument/2006/relationships/slideLayout" Target="../slideLayouts/slideLayout74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image" Target="../media/image1.pn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image" Target="../media/image2.sv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77">
            <a:extLst>
              <a:ext uri="{96DAC541-7B7A-43D3-8B79-37D633B846F1}">
                <asvg:svgBlip xmlns:asvg="http://schemas.microsoft.com/office/drawing/2016/SVG/main" r:embed="rId78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c33ced39-76c5-47cd-b8e8-2a79c061192f&quot;}}" hidden="1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May 13, 2025</a:t>
            </a: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711" r:id="rId8"/>
    <p:sldLayoutId id="2147483712" r:id="rId9"/>
    <p:sldLayoutId id="2147483713" r:id="rId10"/>
    <p:sldLayoutId id="2147483714" r:id="rId11"/>
    <p:sldLayoutId id="2147483715" r:id="rId12"/>
    <p:sldLayoutId id="2147483654" r:id="rId13"/>
    <p:sldLayoutId id="2147483698" r:id="rId14"/>
    <p:sldLayoutId id="2147483655" r:id="rId15"/>
    <p:sldLayoutId id="2147483705" r:id="rId16"/>
    <p:sldLayoutId id="2147483716" r:id="rId17"/>
    <p:sldLayoutId id="2147483656" r:id="rId18"/>
    <p:sldLayoutId id="2147483706" r:id="rId19"/>
    <p:sldLayoutId id="2147483717" r:id="rId20"/>
    <p:sldLayoutId id="2147483657" r:id="rId21"/>
    <p:sldLayoutId id="2147483707" r:id="rId22"/>
    <p:sldLayoutId id="2147483718" r:id="rId23"/>
    <p:sldLayoutId id="2147483658" r:id="rId24"/>
    <p:sldLayoutId id="2147483708" r:id="rId25"/>
    <p:sldLayoutId id="2147483661" r:id="rId26"/>
    <p:sldLayoutId id="2147483662" r:id="rId27"/>
    <p:sldLayoutId id="2147483719" r:id="rId28"/>
    <p:sldLayoutId id="2147483659" r:id="rId29"/>
    <p:sldLayoutId id="2147483660" r:id="rId30"/>
    <p:sldLayoutId id="2147483663" r:id="rId31"/>
    <p:sldLayoutId id="2147483664" r:id="rId32"/>
    <p:sldLayoutId id="2147483665" r:id="rId33"/>
    <p:sldLayoutId id="2147483666" r:id="rId34"/>
    <p:sldLayoutId id="2147483668" r:id="rId35"/>
    <p:sldLayoutId id="2147483670" r:id="rId36"/>
    <p:sldLayoutId id="2147483671" r:id="rId37"/>
    <p:sldLayoutId id="2147483669" r:id="rId38"/>
    <p:sldLayoutId id="2147483672" r:id="rId39"/>
    <p:sldLayoutId id="2147483673" r:id="rId40"/>
    <p:sldLayoutId id="2147483694" r:id="rId41"/>
    <p:sldLayoutId id="2147483674" r:id="rId42"/>
    <p:sldLayoutId id="2147483675" r:id="rId43"/>
    <p:sldLayoutId id="2147483720" r:id="rId44"/>
    <p:sldLayoutId id="2147483721" r:id="rId45"/>
    <p:sldLayoutId id="2147483722" r:id="rId46"/>
    <p:sldLayoutId id="2147483676" r:id="rId47"/>
    <p:sldLayoutId id="2147483723" r:id="rId48"/>
    <p:sldLayoutId id="2147483724" r:id="rId49"/>
    <p:sldLayoutId id="2147483725" r:id="rId50"/>
    <p:sldLayoutId id="2147483677" r:id="rId51"/>
    <p:sldLayoutId id="2147483726" r:id="rId52"/>
    <p:sldLayoutId id="2147483727" r:id="rId53"/>
    <p:sldLayoutId id="2147483728" r:id="rId54"/>
    <p:sldLayoutId id="2147483678" r:id="rId55"/>
    <p:sldLayoutId id="2147483679" r:id="rId56"/>
    <p:sldLayoutId id="2147483680" r:id="rId57"/>
    <p:sldLayoutId id="2147483695" r:id="rId58"/>
    <p:sldLayoutId id="2147483729" r:id="rId59"/>
    <p:sldLayoutId id="2147483682" r:id="rId60"/>
    <p:sldLayoutId id="2147483683" r:id="rId61"/>
    <p:sldLayoutId id="2147483684" r:id="rId62"/>
    <p:sldLayoutId id="2147483685" r:id="rId63"/>
    <p:sldLayoutId id="2147483686" r:id="rId64"/>
    <p:sldLayoutId id="2147483687" r:id="rId65"/>
    <p:sldLayoutId id="2147483667" r:id="rId66"/>
    <p:sldLayoutId id="2147483688" r:id="rId67"/>
    <p:sldLayoutId id="2147483689" r:id="rId68"/>
    <p:sldLayoutId id="2147483690" r:id="rId69"/>
    <p:sldLayoutId id="2147483691" r:id="rId70"/>
    <p:sldLayoutId id="2147483692" r:id="rId71"/>
    <p:sldLayoutId id="2147483699" r:id="rId72"/>
    <p:sldLayoutId id="2147483693" r:id="rId73"/>
    <p:sldLayoutId id="2147483709" r:id="rId74"/>
    <p:sldLayoutId id="2147483710" r:id="rId75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="http://schemas.microsoft.com/office/powerpoint/2012/main" xmlns:asvg="http://schemas.microsoft.com/office/drawing/2016/SVG/main" xmlns:a16="http://schemas.microsoft.com/office/drawing/2014/main"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7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hyperlink" Target="https://winlibs.com/" TargetMode="External"/><Relationship Id="rId1" Type="http://schemas.openxmlformats.org/officeDocument/2006/relationships/slideLayout" Target="../slideLayouts/slideLayout1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hyperlink" Target="https://chocolatey.org/install" TargetMode="External"/><Relationship Id="rId1" Type="http://schemas.openxmlformats.org/officeDocument/2006/relationships/slideLayout" Target="../slideLayouts/slideLayout1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ThrowTheSwitch/CMock.git" TargetMode="External"/><Relationship Id="rId2" Type="http://schemas.openxmlformats.org/officeDocument/2006/relationships/hyperlink" Target="https://github.com/ThrowTheSwitch/Unity.git" TargetMode="External"/><Relationship Id="rId1" Type="http://schemas.openxmlformats.org/officeDocument/2006/relationships/slideLayout" Target="../slideLayouts/slideLayout14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1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18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8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18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8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6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4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8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8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049149-61F6-9C37-42FA-274C5D2E94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9229360" cy="1349734"/>
          </a:xfrm>
        </p:spPr>
        <p:txBody>
          <a:bodyPr/>
          <a:lstStyle/>
          <a:p>
            <a:r>
              <a:rPr lang="it-IT" dirty="0"/>
              <a:t>Test Driven design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537B66A-F008-613D-6332-F7721ED44E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it-IT" dirty="0"/>
              <a:t>Case Study for TDD applied to a Protection Function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C07286A-A92A-922C-B2C4-18D4EBF836C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it-IT" dirty="0"/>
              <a:t>13 May 2025 - Chapter day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AFC8B30-B959-EB80-00F6-461A53C860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DD vs Traditional Development</a:t>
            </a:r>
          </a:p>
        </p:txBody>
      </p:sp>
      <p:graphicFrame>
        <p:nvGraphicFramePr>
          <p:cNvPr id="10" name="Content Placeholder 9">
            <a:extLst>
              <a:ext uri="{FF2B5EF4-FFF2-40B4-BE49-F238E27FC236}">
                <a16:creationId xmlns:a16="http://schemas.microsoft.com/office/drawing/2014/main" id="{939E9071-D0B2-682B-1A2C-047C4D7F24CE}"/>
              </a:ext>
            </a:extLst>
          </p:cNvPr>
          <p:cNvGraphicFramePr>
            <a:graphicFrameLocks noGrp="1"/>
          </p:cNvGraphicFramePr>
          <p:nvPr>
            <p:ph sz="quarter" idx="16"/>
            <p:extLst>
              <p:ext uri="{D42A27DB-BD31-4B8C-83A1-F6EECF244321}">
                <p14:modId xmlns:p14="http://schemas.microsoft.com/office/powerpoint/2010/main" val="800578582"/>
              </p:ext>
            </p:extLst>
          </p:nvPr>
        </p:nvGraphicFramePr>
        <p:xfrm>
          <a:off x="331788" y="1928813"/>
          <a:ext cx="11530012" cy="2286000"/>
        </p:xfrm>
        <a:graphic>
          <a:graphicData uri="http://schemas.openxmlformats.org/drawingml/2006/table">
            <a:tbl>
              <a:tblPr firstRow="1" bandRow="1">
                <a:tableStyleId>{773F8A54-F971-430D-9108-034FE38666EA}</a:tableStyleId>
              </a:tblPr>
              <a:tblGrid>
                <a:gridCol w="5765006">
                  <a:extLst>
                    <a:ext uri="{9D8B030D-6E8A-4147-A177-3AD203B41FA5}">
                      <a16:colId xmlns:a16="http://schemas.microsoft.com/office/drawing/2014/main" val="2410864926"/>
                    </a:ext>
                  </a:extLst>
                </a:gridCol>
                <a:gridCol w="5765006">
                  <a:extLst>
                    <a:ext uri="{9D8B030D-6E8A-4147-A177-3AD203B41FA5}">
                      <a16:colId xmlns:a16="http://schemas.microsoft.com/office/drawing/2014/main" val="225466162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sz="2400" dirty="0"/>
                        <a:t>Traditional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2400"/>
                        <a:t>TD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44252452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2400" dirty="0"/>
                        <a:t>Code firs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2400"/>
                        <a:t>Test firs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46774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2400"/>
                        <a:t>Manual testing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2400" dirty="0"/>
                        <a:t>Automated unit test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94262058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2400"/>
                        <a:t>Debug after fail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2400" dirty="0"/>
                        <a:t>Fail to guide design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1711650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2400"/>
                        <a:t>Hard to refacto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2400" dirty="0"/>
                        <a:t>Easy to refactor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72960933"/>
                  </a:ext>
                </a:extLst>
              </a:tr>
            </a:tbl>
          </a:graphicData>
        </a:graphic>
      </p:graphicFrame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FA8551E-A7F6-3145-68CF-937AA62BAF0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79CC66A-1EAA-0570-60EA-8B047F79DE3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6504A0A-BF11-03A8-87D8-96A043ABAF0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77A325A-55BD-A494-0354-88684FFA51C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939118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E9EF19-DBB0-650A-09CC-14D52FCED1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isconceptions About TD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08D0497-09F9-1A48-17E4-9B5DE04EF9E3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TDD is not just unit test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TDD doesn’t mean 100% test coverag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TDD doesn’t slow development—it often speeds it up long-term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EDA1AD8-4A6B-9E9E-3CB7-2A892A4C11B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89CE40D-E306-1FCE-2CA0-F37F3254F5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8F364D7-8D8F-80E4-BB69-64036957D3C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2E925E8-A663-BA36-A4CE-9245D56FD2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63280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5160006-D17C-AB52-717B-ECB2AA93B5B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D388A8-6D43-7124-2ED8-9106F1F13F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mmary / What's Nex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DD50E9F-069E-14FF-5D51-96BEF4EAA7B2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You now know what TDD is and why it matt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Next: Setting up Unity + </a:t>
            </a:r>
            <a:r>
              <a:rPr lang="en-US" sz="2400" dirty="0" err="1"/>
              <a:t>CMock</a:t>
            </a:r>
            <a:r>
              <a:rPr lang="en-US" sz="2400" dirty="0"/>
              <a:t> for your own tests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A4ADD49-D3EC-8F40-1F33-6ED66ADC327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038640D-B21C-E95F-8065-92B057ACE21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4788EB8-9FAB-644E-C5DA-4CEDF31BC1E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B361FC-188A-A6DA-0FBA-EE7F627249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22879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2901E39-F3FB-CFCA-8B93-89C53DEC0D8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6DD01F0-8CDA-885E-6470-54BFC898DF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D44AD53-60BE-D137-A481-27ECC41D429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676CD54-7465-6AB9-19E5-2527B318514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CEC02BF-ED81-8129-FED4-97F9A84720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Tdd Tools and libraries</a:t>
            </a:r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6C62F53-1A16-7DAE-CB80-465A4F251DC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F74DFA0-0EB8-9425-34F4-1B8E222A3D2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it-IT" dirty="0"/>
              <a:t>02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97715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323E89-16C8-9852-FEEA-81B91DAC60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701112-53B7-44C5-1D0D-F1296E579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stalling the C compiler: GCC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4CE3B11-0428-EDDA-4B2A-3860DC5F9214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GCC is the most widely adopted C compil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b="0" i="0" dirty="0" err="1">
                <a:effectLst/>
              </a:rPr>
              <a:t>WinLibs</a:t>
            </a:r>
            <a:r>
              <a:rPr lang="en-US" sz="2400" b="0" i="0" dirty="0">
                <a:effectLst/>
              </a:rPr>
              <a:t> standalone build of GCC and MinGW-w64 for Windows - </a:t>
            </a:r>
            <a:r>
              <a:rPr lang="en-US" sz="2400" b="0" i="0" dirty="0">
                <a:effectLst/>
                <a:hlinkClick r:id="rId2"/>
              </a:rPr>
              <a:t>https://winlibs.com/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Chose a version of prebuilt binaries including Clang compilers, for future </a:t>
            </a:r>
            <a:r>
              <a:rPr lang="en-US" sz="2400" dirty="0" err="1"/>
              <a:t>expandibility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Unzip to </a:t>
            </a:r>
            <a:r>
              <a:rPr lang="en-US" sz="2400" dirty="0">
                <a:highlight>
                  <a:srgbClr val="C0C0C0"/>
                </a:highlight>
                <a:latin typeface="Consolas" panose="020B0609020204030204" pitchFamily="49" charset="0"/>
                <a:ea typeface="Microsoft Sans Serif" panose="020B0604020202020204" pitchFamily="34" charset="0"/>
                <a:cs typeface="Arial" panose="020B0604020202020204" pitchFamily="34" charset="0"/>
              </a:rPr>
              <a:t>c:\mingw64 </a:t>
            </a:r>
            <a:r>
              <a:rPr lang="en-US" sz="2400" dirty="0"/>
              <a:t>and add </a:t>
            </a:r>
            <a:r>
              <a:rPr lang="en-US" sz="2400" dirty="0">
                <a:highlight>
                  <a:srgbClr val="C0C0C0"/>
                </a:highlight>
                <a:latin typeface="Consolas" panose="020B0609020204030204" pitchFamily="49" charset="0"/>
                <a:ea typeface="Microsoft Sans Serif" panose="020B0604020202020204" pitchFamily="34" charset="0"/>
                <a:cs typeface="Arial" panose="020B0604020202020204" pitchFamily="34" charset="0"/>
              </a:rPr>
              <a:t>c:\mingw64\bin </a:t>
            </a:r>
            <a:r>
              <a:rPr lang="en-US" sz="2400" dirty="0"/>
              <a:t>path to Windows Environment Variabl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Next: Setting up Unity + </a:t>
            </a:r>
            <a:r>
              <a:rPr lang="en-US" sz="2400" dirty="0" err="1"/>
              <a:t>CMock</a:t>
            </a:r>
            <a:r>
              <a:rPr lang="en-US" sz="2400" dirty="0"/>
              <a:t> for your own test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CC4C22A-9888-EC81-5F29-6477F614F3C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22AA62E-FD38-31B0-72D5-5FF24DBC9A9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A6194AF-37F6-5A32-B878-E1A95AE1995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9C12E20-DC0F-BD54-4E5A-1BE3726F3C1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9972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57C681-AC55-EF24-87FE-99D8438331D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8D84BED-D02D-DC91-26FA-B3E617196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stalling Mak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05002FB-F24D-B65F-1F3D-F550425A904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Make is required to build executable file for test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To Install make binary: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/>
              <a:t>Install Chocolatey from here </a:t>
            </a:r>
            <a:r>
              <a:rPr lang="en-US" sz="2400" dirty="0">
                <a:hlinkClick r:id="rId2"/>
              </a:rPr>
              <a:t>https://chocolatey.org/install</a:t>
            </a:r>
            <a:endParaRPr lang="en-US" sz="2400" dirty="0"/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/>
              <a:t>From an administrator PowerShell, type </a:t>
            </a:r>
            <a:r>
              <a:rPr lang="en-US" sz="2400" dirty="0" err="1">
                <a:highlight>
                  <a:srgbClr val="C0C0C0"/>
                </a:highlight>
                <a:latin typeface="Consolas" panose="020B0609020204030204" pitchFamily="49" charset="0"/>
                <a:ea typeface="Microsoft Sans Serif" panose="020B0604020202020204" pitchFamily="34" charset="0"/>
                <a:cs typeface="Arial" panose="020B0604020202020204" pitchFamily="34" charset="0"/>
              </a:rPr>
              <a:t>choco</a:t>
            </a:r>
            <a:r>
              <a:rPr lang="en-US" sz="2400" dirty="0">
                <a:highlight>
                  <a:srgbClr val="C0C0C0"/>
                </a:highlight>
                <a:latin typeface="Consolas" panose="020B0609020204030204" pitchFamily="49" charset="0"/>
                <a:ea typeface="Microsoft Sans Serif" panose="020B0604020202020204" pitchFamily="34" charset="0"/>
                <a:cs typeface="Arial" panose="020B0604020202020204" pitchFamily="34" charset="0"/>
              </a:rPr>
              <a:t> install make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A6D1E58-C0EE-5541-0CE2-15A71FD9503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37C77D8-E08D-42B2-CF60-DF7047F6406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77D4ECC-BCBB-6CA5-58C5-51CA8D35F1C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23DAD64-0272-FDA1-FC95-993A92300A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95256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915F7A-A443-B539-A80B-5D035A77C8E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F9EEE7-9B13-EA08-27BD-ACEE8DCC30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stalling Unity and </a:t>
            </a:r>
            <a:r>
              <a:rPr lang="en-US" dirty="0" err="1"/>
              <a:t>Cmock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CE318E-B7A4-AAE5-E413-9DFC937FED8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Get the repos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/>
              <a:t>git clone </a:t>
            </a:r>
            <a:r>
              <a:rPr lang="en-US" sz="2400" dirty="0">
                <a:hlinkClick r:id="rId2"/>
              </a:rPr>
              <a:t>https://github.com/ThrowTheSwitch/Unity.git</a:t>
            </a:r>
            <a:endParaRPr lang="en-US" sz="2400" dirty="0"/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/>
              <a:t>git clone </a:t>
            </a:r>
            <a:r>
              <a:rPr lang="en-US" sz="2400" dirty="0">
                <a:hlinkClick r:id="rId3"/>
              </a:rPr>
              <a:t>https://github.com/ThrowTheSwitch/CMock.git</a:t>
            </a:r>
            <a:endParaRPr lang="en-US" sz="2400" dirty="0"/>
          </a:p>
          <a:p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As a first step, we’re only going to use Unity three source files: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unity.c</a:t>
            </a:r>
            <a:endParaRPr lang="en-US" sz="2400" dirty="0"/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unity.h</a:t>
            </a:r>
            <a:endParaRPr lang="en-US" sz="2400" dirty="0"/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unity_internals.h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DC7C57E-2B6B-19D2-EA86-AE33055B021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5B8EBC9-834A-3CBE-D887-0B7A93E0F60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E10B359-6A90-8BAD-0CA6-18BB246D63A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B63F9D5-5848-4C18-ACEE-53190BB2858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680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A2453A-7309-4ACE-2796-D7696B9CC9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Folder layout with </a:t>
            </a:r>
            <a:r>
              <a:rPr lang="it-IT" dirty="0" err="1"/>
              <a:t>Unity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DC7D2BF-61CB-1DF1-6C5F-093F4DFE9EF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BE68772-4CA0-A5BF-9E54-582F470644B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695C2A-C3F2-9753-60C7-8FF57DDC512A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BCE0077-4D70-BCC2-7D68-89C3CD94721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7</a:t>
            </a:fld>
            <a:endParaRPr lang="en-US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5CF36F30-D640-B3F5-5C68-A031CC41167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30A56E66-E6D0-0432-79F1-67BB5B5BD3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45322" y="1543498"/>
            <a:ext cx="9690844" cy="46410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92382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674A9C-0DAB-DD71-A8E3-2D3AADFA68D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8A27841-2B2F-695C-2971-D92D24CAF3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AD17281-9712-A614-15CC-7655C03C27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8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ABEEE21-CF16-F41A-6F28-85EE199613F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87BACD98-826E-6191-E3E1-E3AB7DAD08C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UNITY ASSERTS	</a:t>
            </a:r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B920747-0A1B-28D4-21E4-F22C03AFAC1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44F176A-D1EF-2CB0-5219-9ACEC1E81A8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it-IT" dirty="0"/>
              <a:t>03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403385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5B3F1A7-BAFD-9A3E-76DF-E6F1546D7E0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FE8032-D183-ED9B-852E-3FDDDB09B8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ity Asser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AD9C8B9-C2E0-7956-DD3F-B2B8BF6E2BD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sz="2400" b="1" dirty="0"/>
              <a:t>TEST_ASSERT_X</a:t>
            </a:r>
            <a:r>
              <a:rPr lang="en-US" sz="2400" dirty="0"/>
              <a:t>( expected, actual ), where X can be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/>
              <a:t>INT, INT8, INT16, INT32, INT64,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/>
              <a:t>UINT, UINT8, UINT16, UINT32, UINT64,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/>
              <a:t>HEX, HEX8, HEX16, HEX32, HEX64</a:t>
            </a:r>
          </a:p>
          <a:p>
            <a:r>
              <a:rPr lang="en-US" sz="2400" b="1" dirty="0"/>
              <a:t>TEST_ASSERT_GREATER_THAN_X</a:t>
            </a:r>
            <a:r>
              <a:rPr lang="en-US" sz="2400" dirty="0"/>
              <a:t> (threshold, actual)</a:t>
            </a:r>
          </a:p>
          <a:p>
            <a:r>
              <a:rPr lang="en-US" sz="2400" b="1" dirty="0"/>
              <a:t>TEST_ASSERT_X_WITHIN</a:t>
            </a:r>
            <a:r>
              <a:rPr lang="en-US" sz="2400" dirty="0"/>
              <a:t> (delta, expected, actual)</a:t>
            </a:r>
          </a:p>
          <a:p>
            <a:r>
              <a:rPr lang="en-US" sz="2400" b="1" dirty="0"/>
              <a:t>TEST_ASSERT_FLOAT_WITHIN </a:t>
            </a:r>
            <a:r>
              <a:rPr lang="en-US" sz="2400" dirty="0"/>
              <a:t>(delta, expected, actual)</a:t>
            </a:r>
          </a:p>
          <a:p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  <a:p>
            <a:endParaRPr lang="en-US" sz="2400" dirty="0"/>
          </a:p>
          <a:p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As a first step, we’re only going to use Unity three source files: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unity.c</a:t>
            </a:r>
            <a:endParaRPr lang="en-US" sz="2400" dirty="0"/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unity.h</a:t>
            </a:r>
            <a:endParaRPr lang="en-US" sz="2400" dirty="0"/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en-US" sz="2400" dirty="0" err="1"/>
              <a:t>unity_internals.h</a:t>
            </a:r>
            <a:endParaRPr lang="en-US" sz="2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E9EEF20-5B56-6498-FB57-7FE9454C9AE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F64102-7C6C-800C-4472-60E331268A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ED5AA65-8A05-1E02-D0D2-544F4C23F7A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9FBF14C-9110-89F2-502E-D1BC794B0F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58477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50F988-E098-A5BD-D454-2989A5B649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Training conten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79DB6C8-73C0-353B-7FE6-473A73656AF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it-IT" sz="2400" dirty="0"/>
              <a:t>Topics: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it-IT" sz="2400" dirty="0"/>
              <a:t>Introduction to TDD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it-IT" sz="2400" dirty="0"/>
              <a:t>Tools and libraries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it-IT" sz="2400" dirty="0"/>
              <a:t>Code examples, based on a real repo and commits</a:t>
            </a:r>
          </a:p>
          <a:p>
            <a:pPr marL="570150" lvl="1" indent="-285750">
              <a:buFont typeface="Arial" panose="020B0604020202020204" pitchFamily="34" charset="0"/>
              <a:buChar char="•"/>
            </a:pPr>
            <a:r>
              <a:rPr lang="it-IT" sz="2400" dirty="0"/>
              <a:t>Possible improvement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it-IT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9B2ECD0-1A8A-BBA8-2835-89CED90468E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DB45645-B043-461D-5297-9F245A00B41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8914F70-204A-CA9B-0C8A-1337E196464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87C0DFD-5EA0-2B88-D5B4-2112E0C715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74438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44B1E3-4E61-8D8F-0A05-FC4E628AFC1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0C68A9A-EF93-AA0C-2C3A-728B5A5D422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902CE03-CE2D-925F-579D-E0DAE2E8E6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0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C702421-5D7E-AE24-33C5-AC0857ED043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BBC50D9-6F70-32F7-E3C9-D100C9E6991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SAMPLE FUNCTION</a:t>
            </a:r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F2E214F-34DC-D03C-63B5-141C0CE7F25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it-IT" dirty="0" err="1"/>
              <a:t>Protection</a:t>
            </a:r>
            <a:r>
              <a:rPr lang="it-IT" dirty="0"/>
              <a:t> </a:t>
            </a:r>
            <a:r>
              <a:rPr lang="it-IT" dirty="0" err="1"/>
              <a:t>Overload</a:t>
            </a:r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7E09ACA-C612-E5C3-5D91-FF7B31266425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it-IT" dirty="0"/>
              <a:t>04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8531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8BA5600-DAF2-5F0B-7AC4-74B249B8FD7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5CEED5-95D2-AF07-988B-0BDF38E0A7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t">
            <a:normAutofit/>
          </a:bodyPr>
          <a:lstStyle/>
          <a:p>
            <a:r>
              <a:rPr lang="it-IT" dirty="0" err="1"/>
              <a:t>Titan</a:t>
            </a:r>
            <a:r>
              <a:rPr lang="it-IT" dirty="0"/>
              <a:t> </a:t>
            </a:r>
            <a:r>
              <a:rPr lang="it-IT" dirty="0" err="1"/>
              <a:t>Overload</a:t>
            </a:r>
            <a:r>
              <a:rPr lang="it-IT" dirty="0"/>
              <a:t> </a:t>
            </a:r>
            <a:r>
              <a:rPr lang="it-IT" dirty="0" err="1"/>
              <a:t>Function</a:t>
            </a:r>
            <a:r>
              <a:rPr lang="it-IT" dirty="0"/>
              <a:t>: </a:t>
            </a:r>
            <a:r>
              <a:rPr lang="it-IT" dirty="0" err="1"/>
              <a:t>Limitations</a:t>
            </a:r>
            <a:r>
              <a:rPr lang="it-IT" dirty="0"/>
              <a:t> of </a:t>
            </a:r>
            <a:r>
              <a:rPr lang="it-IT" dirty="0" err="1"/>
              <a:t>codebase</a:t>
            </a:r>
            <a:endParaRPr lang="en-US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0DC77319-D88F-1B34-6F3F-8181461B0D8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>
            <a:normAutofit/>
          </a:bodyPr>
          <a:lstStyle/>
          <a:p>
            <a:r>
              <a:rPr lang="it-IT" dirty="0" err="1"/>
              <a:t>Many</a:t>
            </a:r>
            <a:r>
              <a:rPr lang="it-IT" dirty="0"/>
              <a:t> interactions with global </a:t>
            </a:r>
            <a:r>
              <a:rPr lang="it-IT" dirty="0" err="1"/>
              <a:t>variables</a:t>
            </a:r>
            <a:endParaRPr lang="en-US" dirty="0"/>
          </a:p>
        </p:txBody>
      </p:sp>
      <p:sp>
        <p:nvSpPr>
          <p:cNvPr id="36" name="Content Placeholder 4">
            <a:extLst>
              <a:ext uri="{FF2B5EF4-FFF2-40B4-BE49-F238E27FC236}">
                <a16:creationId xmlns:a16="http://schemas.microsoft.com/office/drawing/2014/main" id="{9EFB6246-E8E2-EF6C-0D30-848C572F09B4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4770818" cy="3582000"/>
          </a:xfrm>
        </p:spPr>
        <p:txBody>
          <a:bodyPr>
            <a:normAutofit/>
          </a:bodyPr>
          <a:lstStyle/>
          <a:p>
            <a:r>
              <a:rPr lang="it-IT" sz="2000" dirty="0"/>
              <a:t>Access to global </a:t>
            </a:r>
            <a:r>
              <a:rPr lang="it-IT" sz="2000" dirty="0" err="1"/>
              <a:t>variable</a:t>
            </a:r>
            <a:r>
              <a:rPr lang="it-IT" sz="2000" dirty="0"/>
              <a:t> </a:t>
            </a:r>
            <a:r>
              <a:rPr lang="it-IT" sz="2000" dirty="0" err="1"/>
              <a:t>is</a:t>
            </a:r>
            <a:r>
              <a:rPr lang="it-IT" sz="2000" dirty="0"/>
              <a:t> </a:t>
            </a:r>
            <a:r>
              <a:rPr lang="it-IT" sz="2000" dirty="0" err="1"/>
              <a:t>aimed</a:t>
            </a:r>
            <a:r>
              <a:rPr lang="it-IT" sz="2000" dirty="0"/>
              <a:t> </a:t>
            </a:r>
            <a:r>
              <a:rPr lang="it-IT" sz="2000" dirty="0" err="1"/>
              <a:t>at</a:t>
            </a:r>
            <a:r>
              <a:rPr lang="it-IT" sz="2000" dirty="0"/>
              <a:t> code </a:t>
            </a:r>
            <a:r>
              <a:rPr lang="it-IT" sz="2000" dirty="0" err="1"/>
              <a:t>efficiency</a:t>
            </a:r>
            <a:r>
              <a:rPr lang="it-IT" sz="2000" dirty="0"/>
              <a:t>, </a:t>
            </a:r>
            <a:r>
              <a:rPr lang="it-IT" sz="2000" dirty="0" err="1"/>
              <a:t>but</a:t>
            </a:r>
            <a:r>
              <a:rPr lang="it-IT" sz="2000" dirty="0"/>
              <a:t> </a:t>
            </a:r>
            <a:r>
              <a:rPr lang="it-IT" sz="2000" dirty="0" err="1"/>
              <a:t>prevents</a:t>
            </a:r>
            <a:r>
              <a:rPr lang="it-IT" sz="2000" dirty="0"/>
              <a:t> a clear </a:t>
            </a:r>
            <a:r>
              <a:rPr lang="it-IT" sz="2000" dirty="0" err="1"/>
              <a:t>definition</a:t>
            </a:r>
            <a:r>
              <a:rPr lang="it-IT" sz="2000" dirty="0"/>
              <a:t> of </a:t>
            </a:r>
            <a:r>
              <a:rPr lang="it-IT" sz="2000" dirty="0" err="1"/>
              <a:t>interfaces</a:t>
            </a:r>
            <a:r>
              <a:rPr lang="it-IT" sz="2000" dirty="0"/>
              <a:t>. </a:t>
            </a:r>
          </a:p>
          <a:p>
            <a:endParaRPr lang="it-IT" sz="2000" dirty="0"/>
          </a:p>
          <a:p>
            <a:r>
              <a:rPr lang="it-IT" sz="2000" dirty="0"/>
              <a:t>Code </a:t>
            </a:r>
            <a:r>
              <a:rPr lang="it-IT" sz="2000" dirty="0" err="1"/>
              <a:t>is</a:t>
            </a:r>
            <a:r>
              <a:rPr lang="it-IT" sz="2000" dirty="0"/>
              <a:t> </a:t>
            </a:r>
            <a:r>
              <a:rPr lang="it-IT" sz="2000" dirty="0" err="1"/>
              <a:t>not</a:t>
            </a:r>
            <a:r>
              <a:rPr lang="it-IT" sz="2000" dirty="0"/>
              <a:t> </a:t>
            </a:r>
            <a:r>
              <a:rPr lang="it-IT" sz="2000" dirty="0" err="1"/>
              <a:t>testable</a:t>
            </a:r>
            <a:r>
              <a:rPr lang="it-IT" sz="2000" dirty="0"/>
              <a:t>, due to a </a:t>
            </a:r>
            <a:r>
              <a:rPr lang="it-IT" sz="2000" dirty="0" err="1"/>
              <a:t>great</a:t>
            </a:r>
            <a:r>
              <a:rPr lang="it-IT" sz="2000" dirty="0"/>
              <a:t> </a:t>
            </a:r>
            <a:r>
              <a:rPr lang="it-IT" sz="2000" dirty="0" err="1"/>
              <a:t>amount</a:t>
            </a:r>
            <a:r>
              <a:rPr lang="it-IT" sz="2000" dirty="0"/>
              <a:t> of interactions.</a:t>
            </a:r>
            <a:endParaRPr lang="en-US" sz="200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3F79430-67EF-47E4-B88A-5BB5C33F0D3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02018" y="1909796"/>
            <a:ext cx="6759781" cy="3114221"/>
          </a:xfrm>
          <a:prstGeom prst="rect">
            <a:avLst/>
          </a:prstGeom>
          <a:noFill/>
          <a:ln>
            <a:noFill/>
          </a:ln>
        </p:spPr>
      </p:pic>
      <p:sp>
        <p:nvSpPr>
          <p:cNvPr id="43" name="Text Placeholder 5">
            <a:extLst>
              <a:ext uri="{FF2B5EF4-FFF2-40B4-BE49-F238E27FC236}">
                <a16:creationId xmlns:a16="http://schemas.microsoft.com/office/drawing/2014/main" id="{C48B2450-1524-09E5-83FB-F7AF9A9993E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endParaRPr lang="en-US"/>
          </a:p>
        </p:txBody>
      </p:sp>
      <p:sp>
        <p:nvSpPr>
          <p:cNvPr id="45" name="Footer Placeholder 6">
            <a:extLst>
              <a:ext uri="{FF2B5EF4-FFF2-40B4-BE49-F238E27FC236}">
                <a16:creationId xmlns:a16="http://schemas.microsoft.com/office/drawing/2014/main" id="{A4C0EA97-6410-6905-9848-6F86A57DE0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F6FD8D7-BD21-890D-7F05-7B85BFC9946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May 13, 2025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F9C2BE2-AB73-445D-DF11-4D9E741F477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2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642265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F8AE1D8-69E1-33A0-AA2E-6872763646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4CD59E-9B36-550D-8EF8-4F7485E884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t">
            <a:normAutofit/>
          </a:bodyPr>
          <a:lstStyle/>
          <a:p>
            <a:r>
              <a:rPr lang="it-IT" dirty="0" err="1"/>
              <a:t>Titan</a:t>
            </a:r>
            <a:r>
              <a:rPr lang="it-IT" dirty="0"/>
              <a:t> </a:t>
            </a:r>
            <a:r>
              <a:rPr lang="it-IT" dirty="0" err="1"/>
              <a:t>Overload</a:t>
            </a:r>
            <a:r>
              <a:rPr lang="it-IT" dirty="0"/>
              <a:t> </a:t>
            </a:r>
            <a:r>
              <a:rPr lang="it-IT" dirty="0" err="1"/>
              <a:t>Function</a:t>
            </a:r>
            <a:r>
              <a:rPr lang="it-IT" dirty="0"/>
              <a:t>: </a:t>
            </a:r>
            <a:r>
              <a:rPr lang="it-IT" dirty="0" err="1"/>
              <a:t>Limitations</a:t>
            </a:r>
            <a:r>
              <a:rPr lang="it-IT" dirty="0"/>
              <a:t> of </a:t>
            </a:r>
            <a:r>
              <a:rPr lang="it-IT" dirty="0" err="1"/>
              <a:t>codebase</a:t>
            </a:r>
            <a:endParaRPr lang="en-US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FFBD1CB-EB0A-B971-B3F5-7764CA08700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>
            <a:normAutofit/>
          </a:bodyPr>
          <a:lstStyle/>
          <a:p>
            <a:r>
              <a:rPr lang="it-IT" dirty="0" err="1"/>
              <a:t>Many</a:t>
            </a:r>
            <a:r>
              <a:rPr lang="it-IT" dirty="0"/>
              <a:t> interactions with global </a:t>
            </a:r>
            <a:r>
              <a:rPr lang="it-IT" dirty="0" err="1"/>
              <a:t>variables</a:t>
            </a:r>
            <a:endParaRPr lang="en-US" dirty="0"/>
          </a:p>
        </p:txBody>
      </p:sp>
      <p:sp>
        <p:nvSpPr>
          <p:cNvPr id="36" name="Content Placeholder 4">
            <a:extLst>
              <a:ext uri="{FF2B5EF4-FFF2-40B4-BE49-F238E27FC236}">
                <a16:creationId xmlns:a16="http://schemas.microsoft.com/office/drawing/2014/main" id="{3D908328-CC67-CDE1-CF31-FC1D69D666F5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4770818" cy="3582000"/>
          </a:xfrm>
        </p:spPr>
        <p:txBody>
          <a:bodyPr>
            <a:normAutofit/>
          </a:bodyPr>
          <a:lstStyle/>
          <a:p>
            <a:r>
              <a:rPr lang="it-IT" sz="2000" dirty="0"/>
              <a:t>Access to global </a:t>
            </a:r>
            <a:r>
              <a:rPr lang="it-IT" sz="2000" dirty="0" err="1"/>
              <a:t>variable</a:t>
            </a:r>
            <a:r>
              <a:rPr lang="it-IT" sz="2000" dirty="0"/>
              <a:t> </a:t>
            </a:r>
            <a:r>
              <a:rPr lang="it-IT" sz="2000" dirty="0" err="1"/>
              <a:t>is</a:t>
            </a:r>
            <a:r>
              <a:rPr lang="it-IT" sz="2000" dirty="0"/>
              <a:t> </a:t>
            </a:r>
            <a:r>
              <a:rPr lang="it-IT" sz="2000" dirty="0" err="1"/>
              <a:t>aimed</a:t>
            </a:r>
            <a:r>
              <a:rPr lang="it-IT" sz="2000" dirty="0"/>
              <a:t> </a:t>
            </a:r>
            <a:r>
              <a:rPr lang="it-IT" sz="2000" dirty="0" err="1"/>
              <a:t>at</a:t>
            </a:r>
            <a:r>
              <a:rPr lang="it-IT" sz="2000" dirty="0"/>
              <a:t> code </a:t>
            </a:r>
            <a:r>
              <a:rPr lang="it-IT" sz="2000" dirty="0" err="1"/>
              <a:t>efficiency</a:t>
            </a:r>
            <a:r>
              <a:rPr lang="it-IT" sz="2000" dirty="0"/>
              <a:t>, </a:t>
            </a:r>
            <a:r>
              <a:rPr lang="it-IT" sz="2000" dirty="0" err="1"/>
              <a:t>but</a:t>
            </a:r>
            <a:r>
              <a:rPr lang="it-IT" sz="2000" dirty="0"/>
              <a:t> </a:t>
            </a:r>
            <a:r>
              <a:rPr lang="it-IT" sz="2000" dirty="0" err="1"/>
              <a:t>prevents</a:t>
            </a:r>
            <a:r>
              <a:rPr lang="it-IT" sz="2000" dirty="0"/>
              <a:t> a clear </a:t>
            </a:r>
            <a:r>
              <a:rPr lang="it-IT" sz="2000" dirty="0" err="1"/>
              <a:t>definition</a:t>
            </a:r>
            <a:r>
              <a:rPr lang="it-IT" sz="2000" dirty="0"/>
              <a:t> of </a:t>
            </a:r>
            <a:r>
              <a:rPr lang="it-IT" sz="2000" dirty="0" err="1"/>
              <a:t>interfaces</a:t>
            </a:r>
            <a:r>
              <a:rPr lang="it-IT" sz="2000" dirty="0"/>
              <a:t>. </a:t>
            </a:r>
          </a:p>
          <a:p>
            <a:endParaRPr lang="it-IT" sz="2000" dirty="0"/>
          </a:p>
          <a:p>
            <a:r>
              <a:rPr lang="it-IT" sz="2000" dirty="0"/>
              <a:t>Code </a:t>
            </a:r>
            <a:r>
              <a:rPr lang="it-IT" sz="2000" dirty="0" err="1"/>
              <a:t>is</a:t>
            </a:r>
            <a:r>
              <a:rPr lang="it-IT" sz="2000" dirty="0"/>
              <a:t> </a:t>
            </a:r>
            <a:r>
              <a:rPr lang="it-IT" sz="2000" dirty="0" err="1"/>
              <a:t>not</a:t>
            </a:r>
            <a:r>
              <a:rPr lang="it-IT" sz="2000" dirty="0"/>
              <a:t> </a:t>
            </a:r>
            <a:r>
              <a:rPr lang="it-IT" sz="2000" dirty="0" err="1"/>
              <a:t>testable</a:t>
            </a:r>
            <a:r>
              <a:rPr lang="it-IT" sz="2000" dirty="0"/>
              <a:t>, due to a </a:t>
            </a:r>
            <a:r>
              <a:rPr lang="it-IT" sz="2000" dirty="0" err="1"/>
              <a:t>great</a:t>
            </a:r>
            <a:r>
              <a:rPr lang="it-IT" sz="2000" dirty="0"/>
              <a:t> </a:t>
            </a:r>
            <a:r>
              <a:rPr lang="it-IT" sz="2000" dirty="0" err="1"/>
              <a:t>amount</a:t>
            </a:r>
            <a:r>
              <a:rPr lang="it-IT" sz="2000" dirty="0"/>
              <a:t> of interactions.</a:t>
            </a:r>
            <a:endParaRPr lang="en-US" sz="2000" dirty="0"/>
          </a:p>
        </p:txBody>
      </p:sp>
      <p:sp>
        <p:nvSpPr>
          <p:cNvPr id="43" name="Text Placeholder 5">
            <a:extLst>
              <a:ext uri="{FF2B5EF4-FFF2-40B4-BE49-F238E27FC236}">
                <a16:creationId xmlns:a16="http://schemas.microsoft.com/office/drawing/2014/main" id="{75BDC539-A8BE-082A-3992-6A38DB252BB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endParaRPr lang="en-US"/>
          </a:p>
        </p:txBody>
      </p:sp>
      <p:sp>
        <p:nvSpPr>
          <p:cNvPr id="45" name="Footer Placeholder 6">
            <a:extLst>
              <a:ext uri="{FF2B5EF4-FFF2-40B4-BE49-F238E27FC236}">
                <a16:creationId xmlns:a16="http://schemas.microsoft.com/office/drawing/2014/main" id="{2F20A7D2-32D3-F365-BDDE-0A11F2C0422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37D9FCD-5E6B-B4B0-C27F-DDCD7D84C73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May 13, 2025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1DC9AD7-CD91-B06D-1C9E-8A87D970FFE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22</a:t>
            </a:fld>
            <a:endParaRPr lang="en-US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8A1B2F5-7907-9F57-2464-6CA55776E1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02018" y="2087763"/>
            <a:ext cx="6300403" cy="24001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06001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1157BF7-D113-0FEF-C35F-FC2F3CC072A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CB839CB-4E9A-D7D2-C86E-FB2209CAB2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t">
            <a:normAutofit/>
          </a:bodyPr>
          <a:lstStyle/>
          <a:p>
            <a:r>
              <a:rPr lang="it-IT" dirty="0" err="1"/>
              <a:t>Titan</a:t>
            </a:r>
            <a:r>
              <a:rPr lang="it-IT" dirty="0"/>
              <a:t> </a:t>
            </a:r>
            <a:r>
              <a:rPr lang="it-IT" dirty="0" err="1"/>
              <a:t>Overload</a:t>
            </a:r>
            <a:r>
              <a:rPr lang="it-IT" dirty="0"/>
              <a:t> </a:t>
            </a:r>
            <a:r>
              <a:rPr lang="it-IT" dirty="0" err="1"/>
              <a:t>Function</a:t>
            </a:r>
            <a:r>
              <a:rPr lang="it-IT" dirty="0"/>
              <a:t>: </a:t>
            </a:r>
            <a:r>
              <a:rPr lang="it-IT" dirty="0" err="1"/>
              <a:t>Limitations</a:t>
            </a:r>
            <a:r>
              <a:rPr lang="it-IT" dirty="0"/>
              <a:t> of system</a:t>
            </a:r>
            <a:endParaRPr lang="en-US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C556672-2346-6466-CD32-F15C3F1AF79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>
            <a:normAutofit/>
          </a:bodyPr>
          <a:lstStyle/>
          <a:p>
            <a:r>
              <a:rPr lang="it-IT" dirty="0"/>
              <a:t>Calls to </a:t>
            </a:r>
            <a:r>
              <a:rPr lang="it-IT" dirty="0" err="1"/>
              <a:t>other</a:t>
            </a:r>
            <a:r>
              <a:rPr lang="it-IT" dirty="0"/>
              <a:t> </a:t>
            </a:r>
            <a:r>
              <a:rPr lang="it-IT" dirty="0" err="1"/>
              <a:t>functions</a:t>
            </a:r>
            <a:endParaRPr lang="en-US" dirty="0"/>
          </a:p>
        </p:txBody>
      </p:sp>
      <p:sp>
        <p:nvSpPr>
          <p:cNvPr id="36" name="Content Placeholder 4">
            <a:extLst>
              <a:ext uri="{FF2B5EF4-FFF2-40B4-BE49-F238E27FC236}">
                <a16:creationId xmlns:a16="http://schemas.microsoft.com/office/drawing/2014/main" id="{B0CDA695-C792-00CE-2BE7-CC4D13C3A36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4770818" cy="3582000"/>
          </a:xfrm>
        </p:spPr>
        <p:txBody>
          <a:bodyPr>
            <a:normAutofit/>
          </a:bodyPr>
          <a:lstStyle/>
          <a:p>
            <a:r>
              <a:rPr lang="it-IT" sz="2000" dirty="0"/>
              <a:t>Calls to </a:t>
            </a:r>
            <a:r>
              <a:rPr lang="it-IT" sz="2000" dirty="0" err="1"/>
              <a:t>other</a:t>
            </a:r>
            <a:r>
              <a:rPr lang="it-IT" sz="2000" dirty="0"/>
              <a:t> </a:t>
            </a:r>
            <a:r>
              <a:rPr lang="it-IT" sz="2000" dirty="0" err="1"/>
              <a:t>functions</a:t>
            </a:r>
            <a:r>
              <a:rPr lang="it-IT" sz="2000" dirty="0"/>
              <a:t> makes testing mode </a:t>
            </a:r>
            <a:r>
              <a:rPr lang="it-IT" sz="2000" dirty="0" err="1"/>
              <a:t>difficult</a:t>
            </a:r>
            <a:endParaRPr lang="it-IT" sz="2000" dirty="0"/>
          </a:p>
        </p:txBody>
      </p:sp>
      <p:sp>
        <p:nvSpPr>
          <p:cNvPr id="43" name="Text Placeholder 5">
            <a:extLst>
              <a:ext uri="{FF2B5EF4-FFF2-40B4-BE49-F238E27FC236}">
                <a16:creationId xmlns:a16="http://schemas.microsoft.com/office/drawing/2014/main" id="{B6587D77-DED7-058D-66EC-7AE66AAF197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endParaRPr lang="en-US"/>
          </a:p>
        </p:txBody>
      </p:sp>
      <p:sp>
        <p:nvSpPr>
          <p:cNvPr id="45" name="Footer Placeholder 6">
            <a:extLst>
              <a:ext uri="{FF2B5EF4-FFF2-40B4-BE49-F238E27FC236}">
                <a16:creationId xmlns:a16="http://schemas.microsoft.com/office/drawing/2014/main" id="{B5C51EA8-4CBA-F411-8177-16F9C5A9815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6C89DE1-4E8C-7811-0F24-ED613A58520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May 13, 2025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8726BD6-4C5A-9C37-E481-2ADCB39A90F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23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BF7AD6F-F643-5F4E-A827-490D7FE0742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983104" y="2011271"/>
            <a:ext cx="6973246" cy="2718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74854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37A4A06-4FAF-CDC0-8AFA-3E3A989B35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9C9994-D831-C56F-4135-C7A22743A4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t">
            <a:normAutofit/>
          </a:bodyPr>
          <a:lstStyle/>
          <a:p>
            <a:r>
              <a:rPr lang="it-IT" dirty="0" err="1"/>
              <a:t>Titan</a:t>
            </a:r>
            <a:r>
              <a:rPr lang="it-IT" dirty="0"/>
              <a:t> </a:t>
            </a:r>
            <a:r>
              <a:rPr lang="it-IT" dirty="0" err="1"/>
              <a:t>Overload</a:t>
            </a:r>
            <a:r>
              <a:rPr lang="it-IT" dirty="0"/>
              <a:t> </a:t>
            </a:r>
            <a:r>
              <a:rPr lang="it-IT" dirty="0" err="1"/>
              <a:t>Function</a:t>
            </a:r>
            <a:r>
              <a:rPr lang="it-IT" dirty="0"/>
              <a:t>: </a:t>
            </a:r>
            <a:r>
              <a:rPr lang="it-IT" dirty="0" err="1"/>
              <a:t>Difficulties</a:t>
            </a:r>
            <a:r>
              <a:rPr lang="it-IT" dirty="0"/>
              <a:t> of system</a:t>
            </a:r>
            <a:endParaRPr lang="en-US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F4A36443-FEFE-D863-8E13-F73DF130B62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>
            <a:normAutofit/>
          </a:bodyPr>
          <a:lstStyle/>
          <a:p>
            <a:r>
              <a:rPr lang="it-IT" dirty="0"/>
              <a:t>State Machine</a:t>
            </a:r>
            <a:endParaRPr lang="en-US" dirty="0"/>
          </a:p>
        </p:txBody>
      </p:sp>
      <p:sp>
        <p:nvSpPr>
          <p:cNvPr id="36" name="Content Placeholder 4">
            <a:extLst>
              <a:ext uri="{FF2B5EF4-FFF2-40B4-BE49-F238E27FC236}">
                <a16:creationId xmlns:a16="http://schemas.microsoft.com/office/drawing/2014/main" id="{1945EFB0-8422-4A02-9BCA-C570BCC0188A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1530010" cy="3582000"/>
          </a:xfrm>
        </p:spPr>
        <p:txBody>
          <a:bodyPr>
            <a:normAutofit/>
          </a:bodyPr>
          <a:lstStyle/>
          <a:p>
            <a:r>
              <a:rPr lang="it-IT" sz="2400" dirty="0"/>
              <a:t>State Machines are more </a:t>
            </a:r>
            <a:r>
              <a:rPr lang="it-IT" sz="2400" dirty="0" err="1"/>
              <a:t>complex</a:t>
            </a:r>
            <a:r>
              <a:rPr lang="it-IT" sz="2400" dirty="0"/>
              <a:t> to test </a:t>
            </a:r>
            <a:r>
              <a:rPr lang="it-IT" sz="2400" dirty="0" err="1"/>
              <a:t>than</a:t>
            </a:r>
            <a:r>
              <a:rPr lang="it-IT" sz="2400" dirty="0"/>
              <a:t> single </a:t>
            </a:r>
            <a:r>
              <a:rPr lang="it-IT" sz="2400" dirty="0" err="1"/>
              <a:t>functions</a:t>
            </a:r>
            <a:r>
              <a:rPr lang="it-IT" sz="2400" dirty="0"/>
              <a:t>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400" dirty="0" err="1"/>
              <a:t>They</a:t>
            </a:r>
            <a:r>
              <a:rPr lang="it-IT" sz="2400" dirty="0"/>
              <a:t> </a:t>
            </a:r>
            <a:r>
              <a:rPr lang="it-IT" sz="2400" dirty="0" err="1"/>
              <a:t>need</a:t>
            </a:r>
            <a:r>
              <a:rPr lang="it-IT" sz="2400" dirty="0"/>
              <a:t> to be </a:t>
            </a:r>
            <a:r>
              <a:rPr lang="it-IT" sz="2400" dirty="0" err="1"/>
              <a:t>called</a:t>
            </a:r>
            <a:r>
              <a:rPr lang="it-IT" sz="2400" dirty="0"/>
              <a:t> in a </a:t>
            </a:r>
            <a:r>
              <a:rPr lang="it-IT" sz="2400" dirty="0" err="1"/>
              <a:t>repeatedly</a:t>
            </a:r>
            <a:r>
              <a:rPr lang="it-IT" sz="2400" dirty="0"/>
              <a:t> to </a:t>
            </a:r>
            <a:r>
              <a:rPr lang="it-IT" sz="2400" dirty="0" err="1"/>
              <a:t>evaluate</a:t>
            </a:r>
            <a:r>
              <a:rPr lang="it-IT" sz="2400" dirty="0"/>
              <a:t> </a:t>
            </a:r>
            <a:r>
              <a:rPr lang="it-IT" sz="2400" dirty="0" err="1"/>
              <a:t>their</a:t>
            </a:r>
            <a:r>
              <a:rPr lang="it-IT" sz="2400" dirty="0"/>
              <a:t> </a:t>
            </a:r>
            <a:r>
              <a:rPr lang="it-IT" sz="2400" dirty="0" err="1"/>
              <a:t>behavior</a:t>
            </a: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400" dirty="0" err="1"/>
              <a:t>They</a:t>
            </a:r>
            <a:r>
              <a:rPr lang="it-IT" sz="2400" dirty="0"/>
              <a:t> </a:t>
            </a:r>
            <a:r>
              <a:rPr lang="it-IT" sz="2400" dirty="0" err="1"/>
              <a:t>might</a:t>
            </a:r>
            <a:r>
              <a:rPr lang="it-IT" sz="2400" dirty="0"/>
              <a:t> </a:t>
            </a:r>
            <a:r>
              <a:rPr lang="it-IT" sz="2400" dirty="0" err="1"/>
              <a:t>need</a:t>
            </a:r>
            <a:r>
              <a:rPr lang="it-IT" sz="2400" dirty="0"/>
              <a:t> to be </a:t>
            </a:r>
            <a:r>
              <a:rPr lang="it-IT" sz="2400" dirty="0" err="1"/>
              <a:t>tested</a:t>
            </a:r>
            <a:r>
              <a:rPr lang="it-IT" sz="2400" dirty="0"/>
              <a:t> with </a:t>
            </a:r>
            <a:r>
              <a:rPr lang="it-IT" sz="2400" dirty="0" err="1"/>
              <a:t>dynamic</a:t>
            </a:r>
            <a:r>
              <a:rPr lang="it-IT" sz="2400" dirty="0"/>
              <a:t> inputs to </a:t>
            </a:r>
            <a:r>
              <a:rPr lang="it-IT" sz="2400" dirty="0" err="1"/>
              <a:t>expose</a:t>
            </a:r>
            <a:r>
              <a:rPr lang="it-IT" sz="2400" dirty="0"/>
              <a:t> </a:t>
            </a:r>
            <a:r>
              <a:rPr lang="it-IT" sz="2400" dirty="0" err="1"/>
              <a:t>complex</a:t>
            </a:r>
            <a:r>
              <a:rPr lang="it-IT" sz="2400" dirty="0"/>
              <a:t> </a:t>
            </a:r>
            <a:r>
              <a:rPr lang="it-IT" sz="2400" dirty="0" err="1"/>
              <a:t>beavior</a:t>
            </a:r>
            <a:endParaRPr lang="it-IT" sz="2400" dirty="0"/>
          </a:p>
        </p:txBody>
      </p:sp>
      <p:sp>
        <p:nvSpPr>
          <p:cNvPr id="43" name="Text Placeholder 5">
            <a:extLst>
              <a:ext uri="{FF2B5EF4-FFF2-40B4-BE49-F238E27FC236}">
                <a16:creationId xmlns:a16="http://schemas.microsoft.com/office/drawing/2014/main" id="{78BEC2FF-CBAD-0406-3FC8-ED6FDAAE567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endParaRPr lang="en-US"/>
          </a:p>
        </p:txBody>
      </p:sp>
      <p:sp>
        <p:nvSpPr>
          <p:cNvPr id="45" name="Footer Placeholder 6">
            <a:extLst>
              <a:ext uri="{FF2B5EF4-FFF2-40B4-BE49-F238E27FC236}">
                <a16:creationId xmlns:a16="http://schemas.microsoft.com/office/drawing/2014/main" id="{D47A1E50-0230-6C30-BE6D-FE07D75EFFB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733B5C-D8AC-8223-7BF0-F132C1CBEFC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May 13, 2025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B21D29F-F425-F98A-6752-8E66C5C9D9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2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337916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9134A44-2A31-A142-D69D-BE3FD84F43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C27B342-15EA-5446-3C7C-5BF5682C526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703449A-C98D-E8A5-E609-E587898747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5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AAA8DB-4AD2-684B-43EB-6CDFF8AF3A4A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92BF98-F892-38DE-6B21-70073110A1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1° Step</a:t>
            </a:r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FA7C2822-F0D7-82BC-00DF-1C74E41905E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it-IT" dirty="0" err="1"/>
              <a:t>Protection</a:t>
            </a:r>
            <a:r>
              <a:rPr lang="it-IT" dirty="0"/>
              <a:t> </a:t>
            </a:r>
            <a:r>
              <a:rPr lang="it-IT" dirty="0" err="1"/>
              <a:t>Overload</a:t>
            </a:r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D4E9533-4B1B-E56F-D86B-5C037CD3E40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it-IT" dirty="0"/>
              <a:t>05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43498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729648-387D-B913-BF2C-E921C6CA528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541A74-D79F-66AA-4281-7310CBA21CB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t">
            <a:normAutofit/>
          </a:bodyPr>
          <a:lstStyle/>
          <a:p>
            <a:r>
              <a:rPr lang="it-IT" dirty="0" err="1"/>
              <a:t>Protection</a:t>
            </a:r>
            <a:r>
              <a:rPr lang="it-IT" dirty="0"/>
              <a:t> </a:t>
            </a:r>
            <a:r>
              <a:rPr lang="it-IT" dirty="0" err="1"/>
              <a:t>Overload</a:t>
            </a:r>
            <a:r>
              <a:rPr lang="it-IT" dirty="0"/>
              <a:t>: 1° Step</a:t>
            </a:r>
            <a:endParaRPr lang="en-US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8902C53F-AAB3-CE22-47A2-F1D1AA80A84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>
            <a:normAutofit/>
          </a:bodyPr>
          <a:lstStyle/>
          <a:p>
            <a:r>
              <a:rPr lang="en-US" dirty="0"/>
              <a:t>Simple example</a:t>
            </a:r>
          </a:p>
        </p:txBody>
      </p:sp>
      <p:sp>
        <p:nvSpPr>
          <p:cNvPr id="36" name="Content Placeholder 4">
            <a:extLst>
              <a:ext uri="{FF2B5EF4-FFF2-40B4-BE49-F238E27FC236}">
                <a16:creationId xmlns:a16="http://schemas.microsoft.com/office/drawing/2014/main" id="{60DFEB29-58AA-10D1-D63D-60568C0DF22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1530010" cy="3582000"/>
          </a:xfrm>
        </p:spPr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400" dirty="0" err="1"/>
              <a:t>Trivial</a:t>
            </a:r>
            <a:r>
              <a:rPr lang="it-IT" sz="2400" dirty="0"/>
              <a:t> state machine </a:t>
            </a:r>
            <a:r>
              <a:rPr lang="it-IT" sz="2400" dirty="0" err="1"/>
              <a:t>implementation</a:t>
            </a:r>
            <a:r>
              <a:rPr lang="it-IT" sz="2400" dirty="0"/>
              <a:t> (2 </a:t>
            </a:r>
            <a:r>
              <a:rPr lang="it-IT" sz="2400" dirty="0" err="1"/>
              <a:t>states</a:t>
            </a:r>
            <a:r>
              <a:rPr lang="it-IT" sz="2400" dirty="0"/>
              <a:t>, no state </a:t>
            </a:r>
            <a:r>
              <a:rPr lang="it-IT" sz="2400" dirty="0" err="1"/>
              <a:t>change</a:t>
            </a:r>
            <a:r>
              <a:rPr lang="it-IT" sz="2400" dirty="0"/>
              <a:t>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400" dirty="0"/>
              <a:t>First </a:t>
            </a:r>
            <a:r>
              <a:rPr lang="it-IT" sz="2400" dirty="0" err="1"/>
              <a:t>tests</a:t>
            </a:r>
            <a:r>
              <a:rPr lang="it-IT" sz="2400" dirty="0"/>
              <a:t> </a:t>
            </a:r>
            <a:r>
              <a:rPr lang="it-IT" sz="2400" dirty="0" err="1"/>
              <a:t>written</a:t>
            </a:r>
            <a:r>
              <a:rPr lang="it-IT" sz="2400" dirty="0"/>
              <a:t>, checking the state machine statu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400" dirty="0"/>
              <a:t>Trip States: ST_IDLE, ST_OVERLOAD_TRIGGERE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400" dirty="0"/>
              <a:t>Test can </a:t>
            </a:r>
            <a:r>
              <a:rPr lang="it-IT" sz="2400" dirty="0" err="1"/>
              <a:t>specify</a:t>
            </a:r>
            <a:r>
              <a:rPr lang="it-IT" sz="2400" dirty="0"/>
              <a:t> a </a:t>
            </a:r>
            <a:r>
              <a:rPr lang="it-IT" sz="2400" dirty="0" err="1"/>
              <a:t>fixed</a:t>
            </a:r>
            <a:r>
              <a:rPr lang="it-IT" sz="2400" dirty="0"/>
              <a:t> test </a:t>
            </a:r>
            <a:r>
              <a:rPr lang="it-IT" sz="2400" dirty="0" err="1"/>
              <a:t>current</a:t>
            </a:r>
            <a:r>
              <a:rPr lang="it-IT" sz="2400" dirty="0"/>
              <a:t> and the </a:t>
            </a:r>
            <a:r>
              <a:rPr lang="it-IT" sz="2400" dirty="0" err="1"/>
              <a:t>expected</a:t>
            </a:r>
            <a:r>
              <a:rPr lang="it-IT" sz="2400" dirty="0"/>
              <a:t> stat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400" dirty="0"/>
              <a:t>Test </a:t>
            </a:r>
            <a:r>
              <a:rPr lang="it-IT" sz="2400" dirty="0" err="1"/>
              <a:t>wait</a:t>
            </a:r>
            <a:r>
              <a:rPr lang="it-IT" sz="2400" dirty="0"/>
              <a:t> for the </a:t>
            </a:r>
            <a:r>
              <a:rPr lang="it-IT" sz="2400" dirty="0" err="1"/>
              <a:t>expected</a:t>
            </a:r>
            <a:r>
              <a:rPr lang="it-IT" sz="2400" dirty="0"/>
              <a:t> output state, o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it-IT" sz="2400" dirty="0"/>
              <a:t>Test </a:t>
            </a:r>
            <a:r>
              <a:rPr lang="it-IT" sz="2400" dirty="0" err="1"/>
              <a:t>is</a:t>
            </a:r>
            <a:r>
              <a:rPr lang="it-IT" sz="2400" dirty="0"/>
              <a:t> </a:t>
            </a:r>
            <a:r>
              <a:rPr lang="it-IT" sz="2400" dirty="0" err="1"/>
              <a:t>run</a:t>
            </a:r>
            <a:r>
              <a:rPr lang="it-IT" sz="2400" dirty="0"/>
              <a:t> for the </a:t>
            </a:r>
            <a:r>
              <a:rPr lang="it-IT" sz="2400" dirty="0" err="1"/>
              <a:t>equivalent</a:t>
            </a:r>
            <a:r>
              <a:rPr lang="it-IT" sz="2400" dirty="0"/>
              <a:t> of one day </a:t>
            </a:r>
            <a:r>
              <a:rPr lang="it-IT" sz="2400" dirty="0" err="1"/>
              <a:t>if</a:t>
            </a:r>
            <a:r>
              <a:rPr lang="it-IT" sz="2400" dirty="0"/>
              <a:t> </a:t>
            </a:r>
            <a:r>
              <a:rPr lang="it-IT" sz="2400" dirty="0" err="1"/>
              <a:t>expected</a:t>
            </a:r>
            <a:r>
              <a:rPr lang="it-IT" sz="2400" dirty="0"/>
              <a:t> state </a:t>
            </a:r>
            <a:r>
              <a:rPr lang="it-IT" sz="2400" dirty="0" err="1"/>
              <a:t>is</a:t>
            </a:r>
            <a:r>
              <a:rPr lang="it-IT" sz="2400" dirty="0"/>
              <a:t> </a:t>
            </a:r>
            <a:r>
              <a:rPr lang="it-IT" sz="2400" dirty="0" err="1"/>
              <a:t>not</a:t>
            </a:r>
            <a:r>
              <a:rPr lang="it-IT" sz="2400" dirty="0"/>
              <a:t> </a:t>
            </a:r>
            <a:r>
              <a:rPr lang="it-IT" sz="2400" dirty="0" err="1"/>
              <a:t>reached</a:t>
            </a: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r>
              <a:rPr lang="it-IT" sz="2400" dirty="0" err="1">
                <a:solidFill>
                  <a:srgbClr val="FF0000"/>
                </a:solidFill>
              </a:rPr>
              <a:t>Result</a:t>
            </a:r>
            <a:r>
              <a:rPr lang="it-IT" sz="2400" dirty="0">
                <a:solidFill>
                  <a:srgbClr val="FF0000"/>
                </a:solidFill>
              </a:rPr>
              <a:t>: </a:t>
            </a:r>
            <a:r>
              <a:rPr lang="it-IT" sz="2400" dirty="0" err="1">
                <a:solidFill>
                  <a:srgbClr val="FF0000"/>
                </a:solidFill>
              </a:rPr>
              <a:t>Tests</a:t>
            </a:r>
            <a:r>
              <a:rPr lang="it-IT" sz="2400" dirty="0">
                <a:solidFill>
                  <a:srgbClr val="FF0000"/>
                </a:solidFill>
              </a:rPr>
              <a:t> </a:t>
            </a:r>
            <a:r>
              <a:rPr lang="it-IT" sz="2400" dirty="0" err="1">
                <a:solidFill>
                  <a:srgbClr val="FF0000"/>
                </a:solidFill>
              </a:rPr>
              <a:t>fail</a:t>
            </a:r>
            <a:r>
              <a:rPr lang="it-IT" sz="2400" dirty="0">
                <a:solidFill>
                  <a:srgbClr val="FF0000"/>
                </a:solidFill>
              </a:rPr>
              <a:t> </a:t>
            </a:r>
            <a:r>
              <a:rPr lang="it-IT" sz="2400" dirty="0" err="1">
                <a:solidFill>
                  <a:srgbClr val="FF0000"/>
                </a:solidFill>
              </a:rPr>
              <a:t>where</a:t>
            </a:r>
            <a:r>
              <a:rPr lang="it-IT" sz="2400" dirty="0">
                <a:solidFill>
                  <a:srgbClr val="FF0000"/>
                </a:solidFill>
              </a:rPr>
              <a:t> a state </a:t>
            </a:r>
            <a:r>
              <a:rPr lang="it-IT" sz="2400" dirty="0" err="1">
                <a:solidFill>
                  <a:srgbClr val="FF0000"/>
                </a:solidFill>
              </a:rPr>
              <a:t>change</a:t>
            </a:r>
            <a:r>
              <a:rPr lang="it-IT" sz="2400" dirty="0">
                <a:solidFill>
                  <a:srgbClr val="FF0000"/>
                </a:solidFill>
              </a:rPr>
              <a:t> </a:t>
            </a:r>
            <a:r>
              <a:rPr lang="it-IT" sz="2400" dirty="0" err="1">
                <a:solidFill>
                  <a:srgbClr val="FF0000"/>
                </a:solidFill>
              </a:rPr>
              <a:t>is</a:t>
            </a:r>
            <a:r>
              <a:rPr lang="it-IT" sz="2400" dirty="0">
                <a:solidFill>
                  <a:srgbClr val="FF0000"/>
                </a:solidFill>
              </a:rPr>
              <a:t> </a:t>
            </a:r>
            <a:r>
              <a:rPr lang="it-IT" sz="2400" dirty="0" err="1">
                <a:solidFill>
                  <a:srgbClr val="FF0000"/>
                </a:solidFill>
              </a:rPr>
              <a:t>expected</a:t>
            </a:r>
            <a:endParaRPr lang="it-IT" sz="2400" dirty="0">
              <a:solidFill>
                <a:srgbClr val="FF0000"/>
              </a:solidFill>
            </a:endParaRPr>
          </a:p>
        </p:txBody>
      </p:sp>
      <p:sp>
        <p:nvSpPr>
          <p:cNvPr id="43" name="Text Placeholder 5">
            <a:extLst>
              <a:ext uri="{FF2B5EF4-FFF2-40B4-BE49-F238E27FC236}">
                <a16:creationId xmlns:a16="http://schemas.microsoft.com/office/drawing/2014/main" id="{66283989-AEC4-9DA2-2CA0-FE3B27F6CD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r>
              <a:rPr lang="en-US" dirty="0"/>
              <a:t>Repo tag: v1.1</a:t>
            </a:r>
          </a:p>
        </p:txBody>
      </p:sp>
      <p:sp>
        <p:nvSpPr>
          <p:cNvPr id="45" name="Footer Placeholder 6">
            <a:extLst>
              <a:ext uri="{FF2B5EF4-FFF2-40B4-BE49-F238E27FC236}">
                <a16:creationId xmlns:a16="http://schemas.microsoft.com/office/drawing/2014/main" id="{4E817783-4E76-2E08-2009-24DBEFD6760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DE64F1D-F9DC-FDF7-BB2D-2BD70D32779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May 13, 2025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B3FABC1-62B0-9AF0-8139-34DEBA51200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2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049379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B36E31-DFBA-8DEA-A281-54A0E6F24C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C8A8F51-E13A-DCCC-A488-A10CED80A21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53B7424-AEC0-C851-8778-EA01A9E385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7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C78C6AB-F670-2A4B-47A0-50236F335603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A0F0CDC-E76C-5906-F394-7AA2654E8D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2° Step</a:t>
            </a:r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8A48B895-C4B9-BCA8-1B86-91DC183FBCD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it-IT" dirty="0" err="1"/>
              <a:t>Protection</a:t>
            </a:r>
            <a:r>
              <a:rPr lang="it-IT" dirty="0"/>
              <a:t> </a:t>
            </a:r>
            <a:r>
              <a:rPr lang="it-IT" dirty="0" err="1"/>
              <a:t>Overload</a:t>
            </a:r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2591B647-C88B-8FCB-54CB-513E81808B1E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it-IT" dirty="0"/>
              <a:t>06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5105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440965-B4CA-CA89-0C06-27195785A3B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094B35-013C-D986-345A-9FE3C0A55A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t">
            <a:normAutofit/>
          </a:bodyPr>
          <a:lstStyle/>
          <a:p>
            <a:r>
              <a:rPr lang="it-IT" dirty="0" err="1"/>
              <a:t>Protection</a:t>
            </a:r>
            <a:r>
              <a:rPr lang="it-IT" dirty="0"/>
              <a:t> </a:t>
            </a:r>
            <a:r>
              <a:rPr lang="it-IT" dirty="0" err="1"/>
              <a:t>Overload</a:t>
            </a:r>
            <a:r>
              <a:rPr lang="it-IT" dirty="0"/>
              <a:t>: 2° Step</a:t>
            </a:r>
            <a:endParaRPr lang="en-US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C34998DF-8040-2633-85FD-864B7DD4054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>
            <a:normAutofit/>
          </a:bodyPr>
          <a:lstStyle/>
          <a:p>
            <a:r>
              <a:rPr lang="en-US" dirty="0"/>
              <a:t>IEC 60947-2 protection</a:t>
            </a:r>
          </a:p>
        </p:txBody>
      </p:sp>
      <p:sp>
        <p:nvSpPr>
          <p:cNvPr id="36" name="Content Placeholder 4">
            <a:extLst>
              <a:ext uri="{FF2B5EF4-FFF2-40B4-BE49-F238E27FC236}">
                <a16:creationId xmlns:a16="http://schemas.microsoft.com/office/drawing/2014/main" id="{614F8057-F9C5-AD0F-82C1-F51ABE0CAF2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1530010" cy="3582000"/>
          </a:xfrm>
        </p:spPr>
        <p:txBody>
          <a:bodyPr>
            <a:normAutofit lnSpcReduction="10000"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/>
              <a:t>Added </a:t>
            </a:r>
            <a:r>
              <a:rPr lang="en-US" sz="2400" b="1" dirty="0"/>
              <a:t>IEC 60947-2 </a:t>
            </a:r>
            <a:r>
              <a:rPr lang="en-US" sz="2400" dirty="0"/>
              <a:t>inverse-time formula to mimic overload protection behavior. The general inverse-time trip equation follows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endParaRPr lang="it-IT" sz="2400" dirty="0">
              <a:solidFill>
                <a:srgbClr val="FF0000"/>
              </a:solidFill>
            </a:endParaRPr>
          </a:p>
          <a:p>
            <a:r>
              <a:rPr lang="it-IT" sz="2400" dirty="0" err="1">
                <a:solidFill>
                  <a:srgbClr val="FF0000"/>
                </a:solidFill>
              </a:rPr>
              <a:t>Result</a:t>
            </a:r>
            <a:r>
              <a:rPr lang="it-IT" sz="2400" dirty="0">
                <a:solidFill>
                  <a:srgbClr val="FF0000"/>
                </a:solidFill>
              </a:rPr>
              <a:t>: trip </a:t>
            </a:r>
            <a:r>
              <a:rPr lang="it-IT" sz="2400" dirty="0" err="1">
                <a:solidFill>
                  <a:srgbClr val="FF0000"/>
                </a:solidFill>
              </a:rPr>
              <a:t>happen</a:t>
            </a:r>
            <a:r>
              <a:rPr lang="it-IT" sz="2400" dirty="0">
                <a:solidFill>
                  <a:srgbClr val="FF0000"/>
                </a:solidFill>
              </a:rPr>
              <a:t> </a:t>
            </a:r>
            <a:r>
              <a:rPr lang="it-IT" sz="2400" dirty="0" err="1">
                <a:solidFill>
                  <a:srgbClr val="FF0000"/>
                </a:solidFill>
              </a:rPr>
              <a:t>where</a:t>
            </a:r>
            <a:r>
              <a:rPr lang="it-IT" sz="2400" dirty="0">
                <a:solidFill>
                  <a:srgbClr val="FF0000"/>
                </a:solidFill>
              </a:rPr>
              <a:t> </a:t>
            </a:r>
            <a:r>
              <a:rPr lang="it-IT" sz="2400" dirty="0" err="1">
                <a:solidFill>
                  <a:srgbClr val="FF0000"/>
                </a:solidFill>
              </a:rPr>
              <a:t>expected</a:t>
            </a:r>
            <a:r>
              <a:rPr lang="it-IT" sz="2400" dirty="0">
                <a:solidFill>
                  <a:srgbClr val="FF0000"/>
                </a:solidFill>
              </a:rPr>
              <a:t> (I/Ir &gt; 1.15f)</a:t>
            </a:r>
          </a:p>
        </p:txBody>
      </p:sp>
      <p:sp>
        <p:nvSpPr>
          <p:cNvPr id="43" name="Text Placeholder 5">
            <a:extLst>
              <a:ext uri="{FF2B5EF4-FFF2-40B4-BE49-F238E27FC236}">
                <a16:creationId xmlns:a16="http://schemas.microsoft.com/office/drawing/2014/main" id="{3FC8F0AC-EB0C-1B1E-8F41-AA88D82CE76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r>
              <a:rPr lang="en-US" dirty="0"/>
              <a:t>Repo tag: v1.1</a:t>
            </a:r>
          </a:p>
        </p:txBody>
      </p:sp>
      <p:sp>
        <p:nvSpPr>
          <p:cNvPr id="45" name="Footer Placeholder 6">
            <a:extLst>
              <a:ext uri="{FF2B5EF4-FFF2-40B4-BE49-F238E27FC236}">
                <a16:creationId xmlns:a16="http://schemas.microsoft.com/office/drawing/2014/main" id="{EE57E535-B35F-4D2E-70B1-7AB380A58B8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323C049-8FC5-A3D5-2AAC-4B5703CE6D8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May 13, 2025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9CB7236-6DED-6298-C072-BB4A63199D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28</a:t>
            </a:fld>
            <a:endParaRPr lang="en-US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441BE5D2-1767-94F4-03DB-F810E70E064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06961" y="2607673"/>
            <a:ext cx="7211775" cy="24113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14622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DC7DD29-C03B-2373-7162-848B425616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855958-2518-A347-C48A-7B4D24E5CE2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F80C570-C0D7-9EB7-8AB5-EDBB148A80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9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76F82C9-9662-ADF3-ADCE-F37EFE27037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DA2EBA5-22E6-5271-5F35-B3319C6BA4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3° Step</a:t>
            </a:r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E51996B-2087-F824-10E6-E2468AF8FFA2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it-IT" dirty="0" err="1"/>
              <a:t>Protection</a:t>
            </a:r>
            <a:r>
              <a:rPr lang="it-IT" dirty="0"/>
              <a:t> </a:t>
            </a:r>
            <a:r>
              <a:rPr lang="it-IT" dirty="0" err="1"/>
              <a:t>Overload</a:t>
            </a:r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A42F0F32-C7F4-CD3F-8D54-A5F7B793054F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it-IT" dirty="0"/>
              <a:t>07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292913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7DA3CFD2-EAC0-3345-14BC-65863EEC67B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0FF056-DF9A-79A4-BF96-4CC440A6B2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6B9391-7A4B-E853-EE42-B7F8369513A3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3C619C6-B42E-3D52-B414-C372209E5E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Intro to tdd</a:t>
            </a:r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36D07AB-AF1C-1A20-2751-2D71D8C6ADC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8821768-021C-8A70-E348-D5C5D13E302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it-IT" dirty="0"/>
              <a:t>01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87241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E5B7712-8C39-5A62-B65F-9B7633E10A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908475-46B7-3CC7-C47E-745FBDA193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t">
            <a:normAutofit/>
          </a:bodyPr>
          <a:lstStyle/>
          <a:p>
            <a:r>
              <a:rPr lang="it-IT" dirty="0" err="1"/>
              <a:t>Protection</a:t>
            </a:r>
            <a:r>
              <a:rPr lang="it-IT" dirty="0"/>
              <a:t> </a:t>
            </a:r>
            <a:r>
              <a:rPr lang="it-IT" dirty="0" err="1"/>
              <a:t>Overload</a:t>
            </a:r>
            <a:r>
              <a:rPr lang="it-IT" dirty="0"/>
              <a:t>: 3° Step</a:t>
            </a:r>
            <a:endParaRPr lang="en-US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C1CC8FB4-DC91-A85D-E497-A97C060B0DF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>
            <a:normAutofit/>
          </a:bodyPr>
          <a:lstStyle/>
          <a:p>
            <a:r>
              <a:rPr lang="en-US" dirty="0"/>
              <a:t>Variable currents</a:t>
            </a:r>
          </a:p>
        </p:txBody>
      </p:sp>
      <p:sp>
        <p:nvSpPr>
          <p:cNvPr id="36" name="Content Placeholder 4">
            <a:extLst>
              <a:ext uri="{FF2B5EF4-FFF2-40B4-BE49-F238E27FC236}">
                <a16:creationId xmlns:a16="http://schemas.microsoft.com/office/drawing/2014/main" id="{E3312F49-63CD-1C58-A8DD-D6285BD46A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1530010" cy="3582000"/>
          </a:xfrm>
        </p:spPr>
        <p:txBody>
          <a:bodyPr>
            <a:normAutofit fontScale="85000" lnSpcReduction="20000"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800" dirty="0"/>
              <a:t>By adding this capability more complex input currents can be simulated </a:t>
            </a:r>
          </a:p>
          <a:p>
            <a:pPr marL="627300" lvl="1" indent="-342900">
              <a:buFont typeface="Arial" panose="020B0604020202020204" pitchFamily="34" charset="0"/>
              <a:buChar char="•"/>
            </a:pPr>
            <a:r>
              <a:rPr lang="en-US" sz="2800" dirty="0"/>
              <a:t>Delay in current instauration</a:t>
            </a:r>
          </a:p>
          <a:p>
            <a:pPr marL="627300" lvl="1" indent="-342900">
              <a:buFont typeface="Arial" panose="020B0604020202020204" pitchFamily="34" charset="0"/>
              <a:buChar char="•"/>
            </a:pPr>
            <a:r>
              <a:rPr lang="en-US" sz="2800" dirty="0"/>
              <a:t>Intermittent curren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endParaRPr lang="it-IT" sz="2400" dirty="0">
              <a:solidFill>
                <a:srgbClr val="FF0000"/>
              </a:solidFill>
            </a:endParaRPr>
          </a:p>
          <a:p>
            <a:r>
              <a:rPr lang="it-IT" sz="2400" dirty="0" err="1">
                <a:solidFill>
                  <a:srgbClr val="FF0000"/>
                </a:solidFill>
              </a:rPr>
              <a:t>Result</a:t>
            </a:r>
            <a:r>
              <a:rPr lang="it-IT" sz="2400" dirty="0">
                <a:solidFill>
                  <a:srgbClr val="FF0000"/>
                </a:solidFill>
              </a:rPr>
              <a:t>: trip </a:t>
            </a:r>
            <a:r>
              <a:rPr lang="it-IT" sz="2400" dirty="0" err="1">
                <a:solidFill>
                  <a:srgbClr val="FF0000"/>
                </a:solidFill>
              </a:rPr>
              <a:t>happen</a:t>
            </a:r>
            <a:r>
              <a:rPr lang="it-IT" sz="2400" dirty="0">
                <a:solidFill>
                  <a:srgbClr val="FF0000"/>
                </a:solidFill>
              </a:rPr>
              <a:t> </a:t>
            </a:r>
            <a:r>
              <a:rPr lang="it-IT" sz="2400" dirty="0" err="1">
                <a:solidFill>
                  <a:srgbClr val="FF0000"/>
                </a:solidFill>
              </a:rPr>
              <a:t>where</a:t>
            </a:r>
            <a:r>
              <a:rPr lang="it-IT" sz="2400" dirty="0">
                <a:solidFill>
                  <a:srgbClr val="FF0000"/>
                </a:solidFill>
              </a:rPr>
              <a:t> </a:t>
            </a:r>
            <a:r>
              <a:rPr lang="it-IT" sz="2400" dirty="0" err="1">
                <a:solidFill>
                  <a:srgbClr val="FF0000"/>
                </a:solidFill>
              </a:rPr>
              <a:t>expected</a:t>
            </a:r>
            <a:r>
              <a:rPr lang="it-IT" sz="2400" dirty="0">
                <a:solidFill>
                  <a:srgbClr val="FF0000"/>
                </a:solidFill>
              </a:rPr>
              <a:t> (I/Ir &gt; 1.15f), with delays or </a:t>
            </a:r>
            <a:r>
              <a:rPr lang="it-IT" sz="2400" dirty="0" err="1">
                <a:solidFill>
                  <a:srgbClr val="FF0000"/>
                </a:solidFill>
              </a:rPr>
              <a:t>intermittent</a:t>
            </a:r>
            <a:r>
              <a:rPr lang="it-IT" sz="2400" dirty="0">
                <a:solidFill>
                  <a:srgbClr val="FF0000"/>
                </a:solidFill>
              </a:rPr>
              <a:t> </a:t>
            </a:r>
            <a:r>
              <a:rPr lang="it-IT" sz="2400" dirty="0" err="1">
                <a:solidFill>
                  <a:srgbClr val="FF0000"/>
                </a:solidFill>
              </a:rPr>
              <a:t>currents</a:t>
            </a:r>
            <a:endParaRPr lang="it-IT" sz="2400" dirty="0">
              <a:solidFill>
                <a:srgbClr val="FF0000"/>
              </a:solidFill>
            </a:endParaRPr>
          </a:p>
        </p:txBody>
      </p:sp>
      <p:sp>
        <p:nvSpPr>
          <p:cNvPr id="43" name="Text Placeholder 5">
            <a:extLst>
              <a:ext uri="{FF2B5EF4-FFF2-40B4-BE49-F238E27FC236}">
                <a16:creationId xmlns:a16="http://schemas.microsoft.com/office/drawing/2014/main" id="{9919C8E3-1A66-4343-6394-6BFFB8DEB1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r>
              <a:rPr lang="en-US" dirty="0"/>
              <a:t>Repo tag: v1.3</a:t>
            </a:r>
          </a:p>
        </p:txBody>
      </p:sp>
      <p:sp>
        <p:nvSpPr>
          <p:cNvPr id="45" name="Footer Placeholder 6">
            <a:extLst>
              <a:ext uri="{FF2B5EF4-FFF2-40B4-BE49-F238E27FC236}">
                <a16:creationId xmlns:a16="http://schemas.microsoft.com/office/drawing/2014/main" id="{3F6F846C-A775-F606-9D0F-14568BC278E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FD5CBD9-A02E-B06F-4574-5550DB1CDA9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May 13, 2025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529BCFD-FC51-855D-B561-1A350EC38C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3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351310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32D5EB-FF68-E22C-AEBE-5F1C631CBD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8076425-F4DD-23FD-221D-EF034D16002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28A1B4F-31BC-6A88-BBC6-469B0A5C60F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A09090C-8849-07B1-0B21-8C45F7E39CCE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F69E15E-D322-D25D-FC79-81D864A51A0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Future Extensions</a:t>
            </a:r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AB7533D-EB7B-7F2B-D96F-D18076087AB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701DF40-055F-8412-FD1F-CE200677E979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it-IT" dirty="0"/>
              <a:t>08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12998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150FEF7-8B8A-47DF-D50C-3729CAEDB27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8D5F1C-F122-167D-5AAF-AC77237EE24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t">
            <a:normAutofit/>
          </a:bodyPr>
          <a:lstStyle/>
          <a:p>
            <a:r>
              <a:rPr lang="it-IT" dirty="0"/>
              <a:t>Future TDD </a:t>
            </a:r>
            <a:r>
              <a:rPr lang="it-IT" dirty="0" err="1"/>
              <a:t>possible</a:t>
            </a:r>
            <a:r>
              <a:rPr lang="it-IT" dirty="0"/>
              <a:t> extensions</a:t>
            </a:r>
            <a:endParaRPr lang="en-US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A9062311-52CA-FD1B-047C-48CD91BB8C1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>
            <a:normAutofit/>
          </a:bodyPr>
          <a:lstStyle/>
          <a:p>
            <a:endParaRPr lang="en-US" dirty="0"/>
          </a:p>
        </p:txBody>
      </p:sp>
      <p:sp>
        <p:nvSpPr>
          <p:cNvPr id="36" name="Content Placeholder 4">
            <a:extLst>
              <a:ext uri="{FF2B5EF4-FFF2-40B4-BE49-F238E27FC236}">
                <a16:creationId xmlns:a16="http://schemas.microsoft.com/office/drawing/2014/main" id="{7436C67E-64B1-E144-B5D7-575AABEAC0F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1530010" cy="3582000"/>
          </a:xfrm>
        </p:spPr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800" dirty="0"/>
              <a:t>Testing on ARM emulator (QEMU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800" dirty="0"/>
              <a:t>Using same compiler (CLANG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800" dirty="0"/>
              <a:t>Investigate Testing frameworks</a:t>
            </a:r>
          </a:p>
          <a:p>
            <a:pPr marL="627300" lvl="1" indent="-342900">
              <a:buFont typeface="Arial" panose="020B0604020202020204" pitchFamily="34" charset="0"/>
              <a:buChar char="•"/>
            </a:pPr>
            <a:r>
              <a:rPr lang="en-US" sz="2400" dirty="0"/>
              <a:t>Unity/</a:t>
            </a:r>
            <a:r>
              <a:rPr lang="en-US" sz="2400" dirty="0" err="1"/>
              <a:t>Ceedling</a:t>
            </a:r>
            <a:endParaRPr lang="en-US" sz="2400" dirty="0"/>
          </a:p>
          <a:p>
            <a:pPr marL="627300" lvl="1" indent="-342900">
              <a:buFont typeface="Arial" panose="020B0604020202020204" pitchFamily="34" charset="0"/>
              <a:buChar char="•"/>
            </a:pPr>
            <a:r>
              <a:rPr lang="en-US" sz="2400" dirty="0" err="1"/>
              <a:t>Gtest</a:t>
            </a:r>
            <a:endParaRPr lang="en-US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400" dirty="0"/>
              <a:t>Other</a:t>
            </a: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it-IT" sz="2400" dirty="0"/>
          </a:p>
          <a:p>
            <a:endParaRPr lang="it-IT" sz="2400" dirty="0">
              <a:solidFill>
                <a:srgbClr val="FF0000"/>
              </a:solidFill>
            </a:endParaRPr>
          </a:p>
          <a:p>
            <a:endParaRPr lang="it-IT" sz="2400" dirty="0">
              <a:solidFill>
                <a:srgbClr val="FF0000"/>
              </a:solidFill>
            </a:endParaRPr>
          </a:p>
        </p:txBody>
      </p:sp>
      <p:sp>
        <p:nvSpPr>
          <p:cNvPr id="43" name="Text Placeholder 5">
            <a:extLst>
              <a:ext uri="{FF2B5EF4-FFF2-40B4-BE49-F238E27FC236}">
                <a16:creationId xmlns:a16="http://schemas.microsoft.com/office/drawing/2014/main" id="{7BC4A3D5-1534-463B-891F-9D7F70E18A8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5" name="Footer Placeholder 6">
            <a:extLst>
              <a:ext uri="{FF2B5EF4-FFF2-40B4-BE49-F238E27FC236}">
                <a16:creationId xmlns:a16="http://schemas.microsoft.com/office/drawing/2014/main" id="{8804B914-A79D-D04F-BBA5-DBC39CFC943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CD3994C-970A-8F6C-939F-4C465D3BA5D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May 13, 2025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0E74218-1EE9-4D5D-D1FE-476B7F7B2A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3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0509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8220EEA-D048-8AE6-C210-4E8815CEEEEE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54CDD640-6055-43DB-A9D3-529B9F9D6962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B855FF7-F525-FBDB-1F1A-D3424364C82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D2B47D-22F5-8648-8AD6-AF9B29531AB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4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87891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0C90402-137A-8D7B-8109-9A0C09E8571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TDD &amp; Embedded Development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477F001-0E7F-E462-05A5-B2D1EE18BD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it-IT" dirty="0"/>
              <a:t>Standard Development Process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64A4ABB-EFFC-1AF9-7345-F13EBFD8B2A9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Dedicated IDE (e.g. Keil MDK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Dedicated Compiler (e.g. ARM LLVM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Dedicated Executable file for </a:t>
            </a:r>
            <a:r>
              <a:rPr lang="en-US" sz="2400" dirty="0" err="1"/>
              <a:t>hw</a:t>
            </a:r>
            <a:r>
              <a:rPr lang="en-US" sz="2400" dirty="0"/>
              <a:t> target (e.g. STM32H7)</a:t>
            </a:r>
            <a:endParaRPr lang="en-US" sz="1400" dirty="0"/>
          </a:p>
          <a:p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F3E0D04-8699-53CA-DE2F-802A9E6BC14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C50492A-C758-292F-F735-863CE556648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EF8BF80E-E4E7-0282-A19A-04206EC4B00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81ED819F-97D5-448E-930E-1025F3EC08CB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753AAE6-84B7-70D9-F610-D1F72094FC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4</a:t>
            </a:fld>
            <a:endParaRPr lang="en-US" noProof="0"/>
          </a:p>
        </p:txBody>
      </p:sp>
      <p:pic>
        <p:nvPicPr>
          <p:cNvPr id="15" name="Content Placeholder 14">
            <a:extLst>
              <a:ext uri="{FF2B5EF4-FFF2-40B4-BE49-F238E27FC236}">
                <a16:creationId xmlns:a16="http://schemas.microsoft.com/office/drawing/2014/main" id="{0BF19604-3AF3-8BAF-89B7-C8D33244C593}"/>
              </a:ext>
            </a:extLst>
          </p:cNvPr>
          <p:cNvPicPr>
            <a:picLocks noGrp="1" noChangeAspect="1"/>
          </p:cNvPicPr>
          <p:nvPr>
            <p:ph sz="quarter" idx="18"/>
          </p:nvPr>
        </p:nvPicPr>
        <p:blipFill>
          <a:blip r:embed="rId2"/>
          <a:stretch>
            <a:fillRect/>
          </a:stretch>
        </p:blipFill>
        <p:spPr>
          <a:xfrm>
            <a:off x="6270385" y="2501001"/>
            <a:ext cx="5524979" cy="24386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69316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FFEF9F4-96AE-DE2D-8D66-BE4817F3C32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A288B1-0DD2-1FC2-4647-2166FEEB91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TDD &amp; Embedded Development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34D1A88-D1D5-5C2C-B3BA-7A02ED53A54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it-IT" dirty="0"/>
              <a:t>Test Process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FFA04B4-464A-1409-7AEB-64992979F8F2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Separated toolchain (GCC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Dedicated test file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Test dedicated source files in an isolated environment (PC or Cloud)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Decouple HW from Logic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Simulate HW with mock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  <a:p>
            <a:endParaRPr lang="en-US" sz="1400" dirty="0"/>
          </a:p>
          <a:p>
            <a:endParaRPr lang="en-US" dirty="0"/>
          </a:p>
        </p:txBody>
      </p:sp>
      <p:pic>
        <p:nvPicPr>
          <p:cNvPr id="11" name="Content Placeholder 10">
            <a:extLst>
              <a:ext uri="{FF2B5EF4-FFF2-40B4-BE49-F238E27FC236}">
                <a16:creationId xmlns:a16="http://schemas.microsoft.com/office/drawing/2014/main" id="{D7111CF0-720F-23CD-721F-E46FC92AB085}"/>
              </a:ext>
            </a:extLst>
          </p:cNvPr>
          <p:cNvPicPr>
            <a:picLocks noGrp="1" noChangeAspect="1"/>
          </p:cNvPicPr>
          <p:nvPr>
            <p:ph sz="quarter" idx="18"/>
          </p:nvPr>
        </p:nvPicPr>
        <p:blipFill>
          <a:blip r:embed="rId2"/>
          <a:stretch>
            <a:fillRect/>
          </a:stretch>
        </p:blipFill>
        <p:spPr>
          <a:xfrm>
            <a:off x="7024831" y="2146640"/>
            <a:ext cx="4016088" cy="3147333"/>
          </a:xfrm>
        </p:spPr>
      </p:pic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FBE210A-E766-C427-DF25-BEC2383CC92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it-IT" dirty="0"/>
              <a:t>TDD is an addition to Basic Process</a:t>
            </a:r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69D7342-9909-9521-6C6D-836437C231C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659A4690-54FC-B1DA-1F90-719D25D576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81ED819F-97D5-448E-930E-1025F3EC08CB}" type="datetime4">
              <a:rPr lang="en-US" noProof="0" smtClean="0"/>
              <a:t>May 13, 2025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6463227-DE54-981C-10A0-37C12BDC72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5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014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1404D35-EB21-0748-AB00-46881D4ABD2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DF8AEB-6391-157D-AC0E-1E0BBA61D3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What is TDD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0362D72-E8C2-B174-6D66-D6A01D610B62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TDD is a design technique, not just a testing strategy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Ensures code is testable and maintainabl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Forces clearer interfaces and separation of concerns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BC44D33-4C11-7A19-7FFD-7C4652BEBDB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583FD0-F087-AEA0-678F-5A380592AE7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A226D25-C1D7-39D5-6A7D-F6893F1C88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EDB5D2A-7CBA-BB22-3CD0-F9BF6802BF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561591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374376-EBF4-3136-C3C2-EBBE685FE7A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4803B8-CB6E-0BFD-044C-565282B6E9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anchor="t">
            <a:normAutofit/>
          </a:bodyPr>
          <a:lstStyle/>
          <a:p>
            <a:r>
              <a:rPr lang="it-IT" dirty="0"/>
              <a:t>The TDD Cycle</a:t>
            </a:r>
            <a:endParaRPr lang="en-US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7BB9E0A1-7C23-EF0A-9DEC-16FBAC92509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r>
              <a:rPr lang="it-IT" dirty="0"/>
              <a:t>Red-Green-Refactor</a:t>
            </a:r>
            <a:endParaRPr lang="en-US" dirty="0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26C2BB92-E420-2DA6-908E-CA71F9A333A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</p:spPr>
        <p:txBody>
          <a:bodyPr/>
          <a:lstStyle/>
          <a:p>
            <a:r>
              <a:rPr lang="it-IT" sz="2400" dirty="0"/>
              <a:t>TDD Cycle (for each test)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Write a test that fails (RED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Make it work (GREEN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Clean-up (REFACTOR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2400" dirty="0"/>
          </a:p>
        </p:txBody>
      </p:sp>
      <p:sp>
        <p:nvSpPr>
          <p:cNvPr id="18" name="Text Placeholder 5">
            <a:extLst>
              <a:ext uri="{FF2B5EF4-FFF2-40B4-BE49-F238E27FC236}">
                <a16:creationId xmlns:a16="http://schemas.microsoft.com/office/drawing/2014/main" id="{323FE462-D314-4302-B16C-CF6D87AAA92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</p:spPr>
        <p:txBody>
          <a:bodyPr/>
          <a:lstStyle/>
          <a:p>
            <a:r>
              <a:rPr lang="it-IT" dirty="0"/>
              <a:t>Repeat until all tests pass and code has desired quality</a:t>
            </a:r>
            <a:endParaRPr lang="en-US" dirty="0"/>
          </a:p>
        </p:txBody>
      </p:sp>
      <p:sp>
        <p:nvSpPr>
          <p:cNvPr id="20" name="Footer Placeholder 6">
            <a:extLst>
              <a:ext uri="{FF2B5EF4-FFF2-40B4-BE49-F238E27FC236}">
                <a16:creationId xmlns:a16="http://schemas.microsoft.com/office/drawing/2014/main" id="{D606C533-0401-0F64-02C9-E00AD0CA702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 noProof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AC81FBA9-7993-8E20-9E75-26CE66E9963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May 13, 2025</a:t>
            </a:fld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9A67F5A-D084-6A1C-1EA2-9E2EAA7BD02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7</a:t>
            </a:fld>
            <a:endParaRPr lang="en-US"/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5BD5C2B8-6DF9-2A52-E011-EEDF9DC9E661}"/>
              </a:ext>
            </a:extLst>
          </p:cNvPr>
          <p:cNvPicPr>
            <a:picLocks noGrp="1" noChangeAspect="1"/>
          </p:cNvPicPr>
          <p:nvPr>
            <p:ph sz="quarter" idx="17"/>
          </p:nvPr>
        </p:nvPicPr>
        <p:blipFill>
          <a:blip r:embed="rId2"/>
          <a:stretch>
            <a:fillRect/>
          </a:stretch>
        </p:blipFill>
        <p:spPr>
          <a:xfrm>
            <a:off x="331788" y="1993469"/>
            <a:ext cx="5657850" cy="3453675"/>
          </a:xfrm>
        </p:spPr>
      </p:pic>
    </p:spTree>
    <p:extLst>
      <p:ext uri="{BB962C8B-B14F-4D97-AF65-F5344CB8AC3E}">
        <p14:creationId xmlns:p14="http://schemas.microsoft.com/office/powerpoint/2010/main" val="32711405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Why TDD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21B61C-85EC-1E81-48D4-4497FCEDC3F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Confidence to refactor and evolve desig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Improves SW architecture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Tests serve as living document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Catch bugs earlier, reduce time spent in debugg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Can be automate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400" dirty="0"/>
              <a:t>Especially valuable in embedded systems with tight feedback loops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8D2200-8483-86FD-8B99-D21FD36527E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it-IT" dirty="0"/>
              <a:t>Reasons behind TDD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23DA47-3B96-7D31-A324-A8EF6AE8494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8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5149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2C5A153-7C9C-2D1E-AEAE-94A5F7DACD4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274D6F-204E-604E-B748-2C8612B466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Why TDD</a:t>
            </a:r>
            <a:endParaRPr lang="en-US" dirty="0"/>
          </a:p>
        </p:txBody>
      </p:sp>
      <p:graphicFrame>
        <p:nvGraphicFramePr>
          <p:cNvPr id="8" name="Content Placeholder 7">
            <a:extLst>
              <a:ext uri="{FF2B5EF4-FFF2-40B4-BE49-F238E27FC236}">
                <a16:creationId xmlns:a16="http://schemas.microsoft.com/office/drawing/2014/main" id="{F904D4EE-AA71-E9BB-CDBD-05EEBB434C05}"/>
              </a:ext>
            </a:extLst>
          </p:cNvPr>
          <p:cNvGraphicFramePr>
            <a:graphicFrameLocks noGrp="1"/>
          </p:cNvGraphicFramePr>
          <p:nvPr>
            <p:ph sz="quarter" idx="16"/>
            <p:extLst>
              <p:ext uri="{D42A27DB-BD31-4B8C-83A1-F6EECF244321}">
                <p14:modId xmlns:p14="http://schemas.microsoft.com/office/powerpoint/2010/main" val="4170842722"/>
              </p:ext>
            </p:extLst>
          </p:nvPr>
        </p:nvGraphicFramePr>
        <p:xfrm>
          <a:off x="331788" y="1928813"/>
          <a:ext cx="11530012" cy="2661920"/>
        </p:xfrm>
        <a:graphic>
          <a:graphicData uri="http://schemas.openxmlformats.org/drawingml/2006/table">
            <a:tbl>
              <a:tblPr firstRow="1" bandRow="1">
                <a:tableStyleId>{773F8A54-F971-430D-9108-034FE38666EA}</a:tableStyleId>
              </a:tblPr>
              <a:tblGrid>
                <a:gridCol w="3021012">
                  <a:extLst>
                    <a:ext uri="{9D8B030D-6E8A-4147-A177-3AD203B41FA5}">
                      <a16:colId xmlns:a16="http://schemas.microsoft.com/office/drawing/2014/main" val="1675091443"/>
                    </a:ext>
                  </a:extLst>
                </a:gridCol>
                <a:gridCol w="8509000">
                  <a:extLst>
                    <a:ext uri="{9D8B030D-6E8A-4147-A177-3AD203B41FA5}">
                      <a16:colId xmlns:a16="http://schemas.microsoft.com/office/drawing/2014/main" val="3829963722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sz="1800" dirty="0"/>
                        <a:t>Requirement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1800"/>
                        <a:t>How TDD Help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12444196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800" b="1"/>
                        <a:t>Software Verification</a:t>
                      </a:r>
                      <a:endParaRPr lang="en-US" sz="180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TDD ensures software meets requirements with tests covering edge cases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9573784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800" b="1" dirty="0"/>
                        <a:t>Traceability of Requirements</a:t>
                      </a:r>
                      <a:endParaRPr lang="en-US" sz="18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1800"/>
                        <a:t>TDD enforces traceability of software requirements through test cases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474294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800" b="1" dirty="0"/>
                        <a:t>Automated Testing</a:t>
                      </a:r>
                      <a:endParaRPr lang="en-US" sz="18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TDD integrates automated testing into the development process, ensuring consistency and coverage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588972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800" b="1" dirty="0"/>
                        <a:t>Fault Tolerance</a:t>
                      </a:r>
                      <a:endParaRPr lang="en-US" sz="18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1800" dirty="0"/>
                        <a:t>TDD encourages early identification of potential failure modes by testing the code continuously.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907254680"/>
                  </a:ext>
                </a:extLst>
              </a:tr>
            </a:tbl>
          </a:graphicData>
        </a:graphic>
      </p:graphicFrame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C217EBE-6E37-C014-7D25-924A765E90F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it-IT" dirty="0"/>
              <a:t>Standards &amp; TDD – UL489 Supplement S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FA16794-BF32-4457-41F6-5A5655D4E04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2B865AC-0407-234A-EF0A-6E53CCA1450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May 13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3F2B2C7-113E-0F4F-D61F-91215D40E37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9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569900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ABB NEW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Chart 1">
      <a:srgbClr val="FF000F"/>
    </a:custClr>
    <a:custClr name="Chart 2">
      <a:srgbClr val="000000"/>
    </a:custClr>
    <a:custClr name="Chart 3">
      <a:srgbClr val="6764F6"/>
    </a:custClr>
    <a:custClr name="Chart 4">
      <a:srgbClr val="93A1FF"/>
    </a:custClr>
    <a:custClr name="Chart 5">
      <a:srgbClr val="FF957E"/>
    </a:custClr>
    <a:custClr name="Chart 6">
      <a:srgbClr val="6E6E6E"/>
    </a:custClr>
    <a:custClr name="Chart 7">
      <a:srgbClr val="A9A9A9"/>
    </a:custClr>
    <a:custClr name="Chart 8">
      <a:srgbClr val="D2D2D2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  <a:custClr name="Lilac 02">
      <a:srgbClr val="E4E7FF"/>
    </a:custClr>
    <a:custClr name="Red 02">
      <a:srgbClr val="FFDCCD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 (light photo)" shape-1-name-1="Revision" shape-1-name-2="Copyright" shape-1-name-3="DocumentID" shape-1-name-4="Logo" shape-1-name-5="Classification" layout-2-name="Cover D (dark photo)" shape-2-name-1="Revision" shape-2-name-2="Copyright" shape-2-name-3="DocumentID" shape-2-name-4="Logo" shape-2-name-5="Classification" layout-3-name="Cover E" shape-3-name-1="Classification" layout-4-name="Cover F" shape-4-name-1="Classification" shape-4-name2="Logo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10.xml><?xml version="1.0" encoding="utf-8"?>
<TemplafySlideTemplateConfiguration><![CDATA[{"slideVersion":5,"isValidatorEnabled":false,"isLocked":false,"elementsMetadata":[],"slideId":"1089809263054290947","enableDocumentContentUpdater":false,"version":"2.0"}]]></TemplafySlideTemplateConfiguration>
</file>

<file path=customXml/item11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FUhh7jMZTCH5p4b3qmxDX3bdS06dyC7dYPl/b5c3gYwOPiP/6VKi//jTiEzt/axxJxris1LIbd9Q1zRc4rASXQ=="},{"name":"ProjectName","value":"Opjk+hhHZ2FiPt+dTewTHg=="},{"name":"Revision","value":"C6j+TuaEpeVNz8saulC2Aw=="},{"name":"ApprovalDate","value":"J+sEsUajE2DdWab62y+77g=="},{"name":"ApprovedByPerson","value":"Dd/kU+CReVDJM9jgn0IRtQ=="},{"name":"PreparedDate","value":"KeASMFjZo1B0HT6bVasObA=="},{"name":"PreparedByPerson","value":"Dd/kU+CReVDJM9jgn0IRtQ=="},{"name":"DocumentKind","value":"EqfNdjmDLMD5/9QAKm3UDaCkF7Q4ZKW1Cg5g5MojjLk="},{"name":"Language","value":"nVWUwVCH4hPlxqXy4HP9YtfdIMCGVn0BS77jADLFKoo="},{"name":"LifeCycleStatus","value":"QnWOujKLJp1RvJFaXvBl6HPTKUr9NiUrF8/eA/+Hz0E="},{"name":"OwningOrganization","value":"uHIMLxCmx6YzLAgY6FzLHco1u9D7SUwFaYGv1vP0QbhK+XFJ5d8JOpHXKlqxSbc5"},{"name":"SecurityLevel","value":"AjUfbU7fcmJ9ahnATTBBemZ2fau3JMwZtl4s3Acf4Qc="},{"name":"Date","value":"K4geRmFf+nsFl9mS8VE55Q=="},{"name":"SlideNumber","value":"/qSOYQOhULkeur4k+TWcKw=="},{"name":"Copyright","value":"/qSOYQOhULkeur4k+TWcKw=="},{"name":"Logo","value":"/qSOYQOhULkeur4k+TWcKw=="}]}]]></TemplafyForm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TemplafySlideTemplateConfiguration><![CDATA[{"slideVersion":5,"isValidatorEnabled":false,"isLocked":false,"elementsMetadata":[],"slideId":"1089809263054290946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6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>A</ABB_Coll_DocumentRevisionId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>Marco Stucchi</ABB_Coll_ApprovedByPerson>
    <ABB_Coll_OwningOrganization xmlns="71d29222-2c5f-45ad-9aa5-4c2d15fddbe9">ABB ELSP - Protection &amp; Switching</ABB_Coll_OwningOrganization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>Marco Stucchi</ABB_Coll_PreparedByPerson>
    <ABB_Coll_PreparedDate xmlns="71d29222-2c5f-45ad-9aa5-4c2d15fddbe9">2025-05-13T00:00:00+00:00</ABB_Coll_PreparedDate>
    <ABB_Coll_ApprovalDate xmlns="71d29222-2c5f-45ad-9aa5-4c2d15fddbe9">2025-04-30T00:00:00+00:00</ABB_Coll_ApprovalDate>
    <BasedOnRevisionId xmlns="71d29222-2c5f-45ad-9aa5-4c2d15fddbe9">Not Defined</BasedOnRevisionId>
  </documentManagement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5,"isValidatorEnabled":false,"isLocked":false,"elementsMetadata":[],"slideId":"1089809263054290945","enableDocumentContentUpdater":false,"version":"2.0"}]]></TemplafySlideTemplateConfiguration>
</file>

<file path=customXml/item5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5,"isValidatorEnabled":false,"isLocked":false,"elementsMetadata":[{"type":"shape","elementConfiguration":{"width":"4.25 cm","height":"0.7 cm","image":"{{Form.SecurityLevel.Classification}}","type":"image","disableUpdates":false}}],"slideId":"1089809263054290944","enableDocumentContentUpdater":false,"version":"2.0"}]]></TemplafySlideTemplateConfiguration>
</file>

<file path=customXml/item8.xml><?xml version="1.0" encoding="utf-8"?>
<TemplafyTemplateConfiguration><![CDATA[{"elementsMetadata":[{"type":"shape","id":"c33ced39-76c5-47cd-b8e8-2a79c061192f","elementConfiguration":{"binding":"{{FormatDateTime(Form.PreparedDate, \"MMMM d, yyyy\")}}","visibility":"","type":"text","disableUpdates":false}},{"type":"shape","id":"9f4e6de5-2ba2-426b-a754-b5d7bb1d4d1f","elementConfiguration":{"width":"4.25 cm","height":"0.7 cm","image":"{{Form.SecurityLevel.Classification}}","type":"image","disableUpdates":false}},{"type":"shape","id":"c3c633cb-0faa-4ee7-a833-962c3f4518a6","elementConfiguration":{"width":"4.25 cm","height":"0.7 cm","image":"{{Form.SecurityLevel.Classification}}","type":"image","disableUpdates":false}},{"type":"shape","id":"7d8bc9b5-6024-4eb1-8862-56882ed1a100","elementConfiguration":{"width":"4.25 cm","height":"0.7 cm","image":"{{Form.SecurityLevel.Classification}}","type":"image","disableUpdates":false}},{"type":"shape","id":"6cab781e-5b21-4ed1-a58d-8ce66f714c59","elementConfiguration":{"width":"4.25 cm","height":"0.7 cm","image":"{{Form.SecurityLevel.Classification}}","type":"image","disableUpdates":false}},{"type":"shape","id":"be2000d3-1458-422a-960a-efa8cd6a4a76","elementConfiguration":{"width":"4.25 cm","height":"0.7 cm","image":"{{Form.SecurityLevel.Classification}}","type":"image","disableUpdates":false}},{"type":"shape","id":"f54a4e30-5bad-4d72-ad93-99e791720f0e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Official PowerPoint Template (EtO)","templateDescription":"Released: 31st Oct. 2024. Updated: 14th Apr. 2025. What's new: Gradients on covers and dividers updated.","enableDocumentContentUpdater":true,"version":"2.0"}]]></TemplafyTemplateConfiguration>
</file>

<file path=customXml/item9.xml><?xml version="1.0" encoding="utf-8"?>
<TemplafySlideTemplateConfiguration><![CDATA[{"slideVersion":5,"isValidatorEnabled":false,"isLocked":false,"elementsMetadata":[],"slideId":"108980926305429094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3701DADA-2F68-45DF-8F02-C8ED25A02974}">
  <ds:schemaRefs/>
</ds:datastoreItem>
</file>

<file path=customXml/itemProps10.xml><?xml version="1.0" encoding="utf-8"?>
<ds:datastoreItem xmlns:ds="http://schemas.openxmlformats.org/officeDocument/2006/customXml" ds:itemID="{17737E7C-FF8E-4947-8556-019F4675B7F5}">
  <ds:schemaRefs/>
</ds:datastoreItem>
</file>

<file path=customXml/itemProps11.xml><?xml version="1.0" encoding="utf-8"?>
<ds:datastoreItem xmlns:ds="http://schemas.openxmlformats.org/officeDocument/2006/customXml" ds:itemID="{88746BAB-2507-4F3A-B16E-ED38367EE530}">
  <ds:schemaRefs/>
</ds:datastoreItem>
</file>

<file path=customXml/itemProps12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3.xml><?xml version="1.0" encoding="utf-8"?>
<ds:datastoreItem xmlns:ds="http://schemas.openxmlformats.org/officeDocument/2006/customXml" ds:itemID="{DD3C33AD-792D-4526-B706-A09FEA4C6707}">
  <ds:schemaRefs/>
</ds:datastoreItem>
</file>

<file path=customXml/itemProps14.xml><?xml version="1.0" encoding="utf-8"?>
<ds:datastoreItem xmlns:ds="http://schemas.openxmlformats.org/officeDocument/2006/customXml" ds:itemID="{8265113A-9CF8-4F3C-A204-F97A907EC37F}">
  <ds:schemaRefs/>
</ds:datastoreItem>
</file>

<file path=customXml/itemProps15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16.xml><?xml version="1.0" encoding="utf-8"?>
<ds:datastoreItem xmlns:ds="http://schemas.openxmlformats.org/officeDocument/2006/customXml" ds:itemID="{3ECD800E-71F1-48A7-95FD-4E027165EBAE}">
  <ds:schemaRefs/>
</ds:datastoreItem>
</file>

<file path=customXml/itemProps17.xml><?xml version="1.0" encoding="utf-8"?>
<ds:datastoreItem xmlns:ds="http://schemas.openxmlformats.org/officeDocument/2006/customXml" ds:itemID="{3F183730-BDBE-4721-A040-6D83DBFCBACD}">
  <ds:schemaRefs/>
</ds:datastoreItem>
</file>

<file path=customXml/itemProps2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29D7A846-0DA2-42A4-98F2-11B97807D5A0}">
  <ds:schemaRefs/>
</ds:datastoreItem>
</file>

<file path=customXml/itemProps4.xml><?xml version="1.0" encoding="utf-8"?>
<ds:datastoreItem xmlns:ds="http://schemas.openxmlformats.org/officeDocument/2006/customXml" ds:itemID="{20F5C750-582F-46BB-A4BF-CBC0EFE7CA78}">
  <ds:schemaRefs/>
</ds:datastoreItem>
</file>

<file path=customXml/itemProps5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6.xml><?xml version="1.0" encoding="utf-8"?>
<ds:datastoreItem xmlns:ds="http://schemas.openxmlformats.org/officeDocument/2006/customXml" ds:itemID="{55E46940-6434-4A2E-97B3-DE85BC1783F5}">
  <ds:schemaRefs/>
</ds:datastoreItem>
</file>

<file path=customXml/itemProps7.xml><?xml version="1.0" encoding="utf-8"?>
<ds:datastoreItem xmlns:ds="http://schemas.openxmlformats.org/officeDocument/2006/customXml" ds:itemID="{583016FA-8CF4-49F0-B3A3-2E0DED7C71BA}">
  <ds:schemaRefs/>
</ds:datastoreItem>
</file>

<file path=customXml/itemProps8.xml><?xml version="1.0" encoding="utf-8"?>
<ds:datastoreItem xmlns:ds="http://schemas.openxmlformats.org/officeDocument/2006/customXml" ds:itemID="{D2280EEE-F7B5-4B82-8B3F-6C5291CE43BF}">
  <ds:schemaRefs/>
</ds:datastoreItem>
</file>

<file path=customXml/itemProps9.xml><?xml version="1.0" encoding="utf-8"?>
<ds:datastoreItem xmlns:ds="http://schemas.openxmlformats.org/officeDocument/2006/customXml" ds:itemID="{B05F119E-0A7C-45C1-98C1-1E320F27014A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12298</TotalTime>
  <Words>1195</Words>
  <Application>Microsoft Office PowerPoint</Application>
  <PresentationFormat>Widescreen</PresentationFormat>
  <Paragraphs>264</Paragraphs>
  <Slides>34</Slides>
  <Notes>3</Notes>
  <HiddenSlides>1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4</vt:i4>
      </vt:variant>
    </vt:vector>
  </HeadingPairs>
  <TitlesOfParts>
    <vt:vector size="40" baseType="lpstr">
      <vt:lpstr>ABBvoice Light</vt:lpstr>
      <vt:lpstr>Arial</vt:lpstr>
      <vt:lpstr>Consolas</vt:lpstr>
      <vt:lpstr>ABBvoice Display SemiBold</vt:lpstr>
      <vt:lpstr>ABBvoice</vt:lpstr>
      <vt:lpstr>ABB Master</vt:lpstr>
      <vt:lpstr>Test Driven design</vt:lpstr>
      <vt:lpstr>Training content</vt:lpstr>
      <vt:lpstr>Intro to tdd</vt:lpstr>
      <vt:lpstr>TDD &amp; Embedded Development</vt:lpstr>
      <vt:lpstr>TDD &amp; Embedded Development</vt:lpstr>
      <vt:lpstr>What is TDD</vt:lpstr>
      <vt:lpstr>The TDD Cycle</vt:lpstr>
      <vt:lpstr>Why TDD</vt:lpstr>
      <vt:lpstr>Why TDD</vt:lpstr>
      <vt:lpstr>TDD vs Traditional Development</vt:lpstr>
      <vt:lpstr>Misconceptions About TDD</vt:lpstr>
      <vt:lpstr>Summary / What's Next</vt:lpstr>
      <vt:lpstr>Tdd Tools and libraries</vt:lpstr>
      <vt:lpstr>Installing the C compiler: GCC</vt:lpstr>
      <vt:lpstr>Installing Make</vt:lpstr>
      <vt:lpstr>Installing Unity and Cmock</vt:lpstr>
      <vt:lpstr>Folder layout with Unity</vt:lpstr>
      <vt:lpstr>UNITY ASSERTS </vt:lpstr>
      <vt:lpstr>Unity Asserts</vt:lpstr>
      <vt:lpstr>SAMPLE FUNCTION</vt:lpstr>
      <vt:lpstr>Titan Overload Function: Limitations of codebase</vt:lpstr>
      <vt:lpstr>Titan Overload Function: Limitations of codebase</vt:lpstr>
      <vt:lpstr>Titan Overload Function: Limitations of system</vt:lpstr>
      <vt:lpstr>Titan Overload Function: Difficulties of system</vt:lpstr>
      <vt:lpstr>1° Step</vt:lpstr>
      <vt:lpstr>Protection Overload: 1° Step</vt:lpstr>
      <vt:lpstr>2° Step</vt:lpstr>
      <vt:lpstr>Protection Overload: 2° Step</vt:lpstr>
      <vt:lpstr>3° Step</vt:lpstr>
      <vt:lpstr>Protection Overload: 3° Step</vt:lpstr>
      <vt:lpstr>Future Extensions</vt:lpstr>
      <vt:lpstr>Future TDD possible extensions</vt:lpstr>
      <vt:lpstr>PowerPoint Presentation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est Driven Design - Case study for a Protection Function</dc:title>
  <dc:creator>ABB</dc:creator>
  <cp:lastModifiedBy>Marco Stucchi</cp:lastModifiedBy>
  <cp:revision>85</cp:revision>
  <dcterms:created xsi:type="dcterms:W3CDTF">2025-04-30T21:10:26Z</dcterms:created>
  <dcterms:modified xsi:type="dcterms:W3CDTF">2025-05-13T12:08:5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Fals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5-04-14T07:23:56</vt:lpwstr>
  </property>
  <property fmtid="{D5CDD505-2E9C-101B-9397-08002B2CF9AE}" pid="7" name="TemplafyTenantId">
    <vt:lpwstr>abb</vt:lpwstr>
  </property>
  <property fmtid="{D5CDD505-2E9C-101B-9397-08002B2CF9AE}" pid="8" name="TemplafyTemplateId">
    <vt:lpwstr>1038632683390894890</vt:lpwstr>
  </property>
  <property fmtid="{D5CDD505-2E9C-101B-9397-08002B2CF9AE}" pid="9" name="TemplafyUserProfileId">
    <vt:lpwstr>637976465072705172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false</vt:bool>
  </property>
</Properties>
</file>